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730"/>
  <workbookPr/>
  <mc:AlternateContent xmlns:mc="http://schemas.openxmlformats.org/markup-compatibility/2006">
    <mc:Choice Requires="x15">
      <x15ac:absPath xmlns:x15ac="http://schemas.microsoft.com/office/spreadsheetml/2010/11/ac" url="C:\Users\s122417\Desktop\Earmark Repurposing Web Pages ADA compliance\"/>
    </mc:Choice>
  </mc:AlternateContent>
  <xr:revisionPtr revIDLastSave="0" documentId="13_ncr:1_{AAC7D924-DBD8-4B00-AE1D-B6D83A62A362}" xr6:coauthVersionLast="36" xr6:coauthVersionMax="36" xr10:uidLastSave="{00000000-0000-0000-0000-000000000000}"/>
  <bookViews>
    <workbookView xWindow="0" yWindow="0" windowWidth="25200" windowHeight="11745" tabRatio="228" xr2:uid="{00000000-000D-0000-FFFF-FFFF00000000}"/>
  </bookViews>
  <sheets>
    <sheet name="Webposting 20170718" sheetId="1" r:id="rId1"/>
  </sheets>
  <definedNames>
    <definedName name="_xlnm._FilterDatabase" localSheetId="0" hidden="1">'Webposting 20170718'!$A$8:$J$165</definedName>
    <definedName name="_xlnm.Print_Area" localSheetId="0">'Webposting 20170718'!$A$1:$J$165</definedName>
    <definedName name="_xlnm.Print_Titles" localSheetId="0">'Webposting 20170718'!$1:$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G165" i="1" l="1"/>
  <c r="F165" i="1"/>
  <c r="I165" i="1" l="1"/>
  <c r="H165" i="1"/>
  <c r="J165" i="1" l="1"/>
</calcChain>
</file>

<file path=xl/sharedStrings.xml><?xml version="1.0" encoding="utf-8"?>
<sst xmlns="http://schemas.openxmlformats.org/spreadsheetml/2006/main" count="788" uniqueCount="454">
  <si>
    <t>TOTALS</t>
  </si>
  <si>
    <t>I-5 Sorrento Valley/Genesee Avenue, San Diego, CA</t>
  </si>
  <si>
    <t>CA771</t>
  </si>
  <si>
    <t>CA767</t>
  </si>
  <si>
    <t>Los Angeles County</t>
  </si>
  <si>
    <t>Engineering support to I-5 Joint Powers Authority to widen I-5 freeway and improve corridor arterials from I-710 to Orange County line.</t>
  </si>
  <si>
    <t>CA606</t>
  </si>
  <si>
    <t>Tulare County</t>
  </si>
  <si>
    <t>Santa Clara County</t>
  </si>
  <si>
    <t>Contra Costa Transportation Authority</t>
  </si>
  <si>
    <t>Conduct a project study report for new Highway 99 Interchange between SR 165 and Bradbury Road, and safety improvements/realignment of SR 165, serving Turlock/Hilmar region</t>
  </si>
  <si>
    <t>CA388</t>
  </si>
  <si>
    <t>Riverside County</t>
  </si>
  <si>
    <t>Builds a pedestrian bridge from Hiller Street to the Bay Trail, Belmont</t>
  </si>
  <si>
    <t>Upgrade call boxes throughout Santa Barbara County</t>
  </si>
  <si>
    <t>CA090</t>
  </si>
  <si>
    <t>Demo Description</t>
  </si>
  <si>
    <t>Demo ID</t>
  </si>
  <si>
    <t>District</t>
  </si>
  <si>
    <t>Sponsoring Agency</t>
  </si>
  <si>
    <t>RTPA</t>
  </si>
  <si>
    <t>Note: Funding information is based on Caltrans best project information. It may change due to additional information and guidance from FHWA.</t>
  </si>
  <si>
    <t>EARMARK PROJECTS ELIGIBLE FOR REPURPOSING</t>
  </si>
  <si>
    <t>More than 10% Obligated; All projects closed and final vouchered</t>
  </si>
  <si>
    <t>Allocated Amount</t>
  </si>
  <si>
    <t>Obligated Amount</t>
  </si>
  <si>
    <t>Unobligated Balance</t>
  </si>
  <si>
    <t>Special</t>
  </si>
  <si>
    <t>CA003</t>
  </si>
  <si>
    <t>CA018</t>
  </si>
  <si>
    <t>CA070</t>
  </si>
  <si>
    <t>CA071</t>
  </si>
  <si>
    <t>CA073</t>
  </si>
  <si>
    <t>CA074</t>
  </si>
  <si>
    <t>CA076</t>
  </si>
  <si>
    <t>CA077</t>
  </si>
  <si>
    <t>CA080</t>
  </si>
  <si>
    <t>CA084</t>
  </si>
  <si>
    <t>CA085</t>
  </si>
  <si>
    <t>CA094</t>
  </si>
  <si>
    <t>CA095</t>
  </si>
  <si>
    <t>CA098</t>
  </si>
  <si>
    <t>CA099</t>
  </si>
  <si>
    <t>CA102</t>
  </si>
  <si>
    <t>CA104</t>
  </si>
  <si>
    <t>CA108</t>
  </si>
  <si>
    <t>CA109</t>
  </si>
  <si>
    <t>CA111</t>
  </si>
  <si>
    <t>CA115</t>
  </si>
  <si>
    <t>CA117</t>
  </si>
  <si>
    <t>CA118</t>
  </si>
  <si>
    <t>CA119</t>
  </si>
  <si>
    <t>CA120</t>
  </si>
  <si>
    <t>CA121</t>
  </si>
  <si>
    <t>CA122</t>
  </si>
  <si>
    <t>CA125</t>
  </si>
  <si>
    <t>CA127</t>
  </si>
  <si>
    <t>CA129</t>
  </si>
  <si>
    <t>CA132</t>
  </si>
  <si>
    <t>CA133</t>
  </si>
  <si>
    <t>CA134</t>
  </si>
  <si>
    <t>CA135</t>
  </si>
  <si>
    <t>CA141</t>
  </si>
  <si>
    <t>CA143</t>
  </si>
  <si>
    <t>CA146</t>
  </si>
  <si>
    <t>CA147</t>
  </si>
  <si>
    <t>CA154</t>
  </si>
  <si>
    <t>CA156</t>
  </si>
  <si>
    <t>CA161</t>
  </si>
  <si>
    <t>CA163</t>
  </si>
  <si>
    <t>CA164</t>
  </si>
  <si>
    <t>CA165</t>
  </si>
  <si>
    <t>CA166</t>
  </si>
  <si>
    <t>CA167</t>
  </si>
  <si>
    <t>CA172</t>
  </si>
  <si>
    <t>CA173</t>
  </si>
  <si>
    <t>CA174</t>
  </si>
  <si>
    <t>CA177</t>
  </si>
  <si>
    <t>CA179</t>
  </si>
  <si>
    <t>CA183</t>
  </si>
  <si>
    <t>CA188</t>
  </si>
  <si>
    <t>CA192</t>
  </si>
  <si>
    <t>CA218</t>
  </si>
  <si>
    <t>CA277</t>
  </si>
  <si>
    <t>CA284</t>
  </si>
  <si>
    <t>CA307</t>
  </si>
  <si>
    <t>CA308</t>
  </si>
  <si>
    <t>CA310</t>
  </si>
  <si>
    <t>CA311</t>
  </si>
  <si>
    <t>CA312</t>
  </si>
  <si>
    <t>CA314</t>
  </si>
  <si>
    <t>CA318</t>
  </si>
  <si>
    <t>CA322</t>
  </si>
  <si>
    <t>CA325</t>
  </si>
  <si>
    <t>CA326</t>
  </si>
  <si>
    <t>CA335</t>
  </si>
  <si>
    <t>CA346</t>
  </si>
  <si>
    <t>CA350</t>
  </si>
  <si>
    <t>CA352</t>
  </si>
  <si>
    <t>CA356</t>
  </si>
  <si>
    <t>CA358</t>
  </si>
  <si>
    <t>CA363</t>
  </si>
  <si>
    <t>CA365</t>
  </si>
  <si>
    <t>CA368</t>
  </si>
  <si>
    <t>CA371</t>
  </si>
  <si>
    <t>CA373</t>
  </si>
  <si>
    <t>CA386</t>
  </si>
  <si>
    <t>CA398</t>
  </si>
  <si>
    <t>CA400</t>
  </si>
  <si>
    <t>CA402</t>
  </si>
  <si>
    <t>CA404</t>
  </si>
  <si>
    <t>CA408</t>
  </si>
  <si>
    <t>CA412</t>
  </si>
  <si>
    <t>CA415</t>
  </si>
  <si>
    <t>CA443</t>
  </si>
  <si>
    <t>CA451</t>
  </si>
  <si>
    <t>CA453</t>
  </si>
  <si>
    <t>CA457</t>
  </si>
  <si>
    <t>CA469</t>
  </si>
  <si>
    <t>CA472</t>
  </si>
  <si>
    <t>CA474</t>
  </si>
  <si>
    <t>CA482</t>
  </si>
  <si>
    <t>CA484</t>
  </si>
  <si>
    <t>CA497</t>
  </si>
  <si>
    <t>CA499</t>
  </si>
  <si>
    <t>CA504</t>
  </si>
  <si>
    <t>CA519</t>
  </si>
  <si>
    <t>CA523</t>
  </si>
  <si>
    <t>CA526</t>
  </si>
  <si>
    <t>CA530</t>
  </si>
  <si>
    <t>CA534</t>
  </si>
  <si>
    <t>CA536</t>
  </si>
  <si>
    <t>CA539</t>
  </si>
  <si>
    <t>CA543</t>
  </si>
  <si>
    <t>CA546</t>
  </si>
  <si>
    <t>CA547</t>
  </si>
  <si>
    <t>CA550</t>
  </si>
  <si>
    <t>CA555</t>
  </si>
  <si>
    <t>CA556</t>
  </si>
  <si>
    <t>CA559</t>
  </si>
  <si>
    <t>CA561</t>
  </si>
  <si>
    <t>CA564</t>
  </si>
  <si>
    <t>CA572</t>
  </si>
  <si>
    <t>CA573</t>
  </si>
  <si>
    <t>CA577</t>
  </si>
  <si>
    <t>CA590</t>
  </si>
  <si>
    <t>CA592</t>
  </si>
  <si>
    <t>CA593</t>
  </si>
  <si>
    <t>CA597</t>
  </si>
  <si>
    <t>CA599</t>
  </si>
  <si>
    <t>CA607</t>
  </si>
  <si>
    <t>CA610</t>
  </si>
  <si>
    <t>CA611</t>
  </si>
  <si>
    <t>CA628</t>
  </si>
  <si>
    <t>CA629</t>
  </si>
  <si>
    <t>CA630</t>
  </si>
  <si>
    <t>CA631</t>
  </si>
  <si>
    <t>CA641</t>
  </si>
  <si>
    <t>CA642</t>
  </si>
  <si>
    <t>CA644</t>
  </si>
  <si>
    <t>CA646</t>
  </si>
  <si>
    <t>CA655</t>
  </si>
  <si>
    <t>CA660</t>
  </si>
  <si>
    <t>CA671</t>
  </si>
  <si>
    <t>CA672</t>
  </si>
  <si>
    <t>CA674</t>
  </si>
  <si>
    <t>CA678</t>
  </si>
  <si>
    <t>CA681</t>
  </si>
  <si>
    <t>CA685</t>
  </si>
  <si>
    <t>CA695</t>
  </si>
  <si>
    <t>CA702</t>
  </si>
  <si>
    <t>CA704</t>
  </si>
  <si>
    <t>CA705</t>
  </si>
  <si>
    <t>CA707</t>
  </si>
  <si>
    <t>CA710</t>
  </si>
  <si>
    <t>CA711</t>
  </si>
  <si>
    <t>CA718</t>
  </si>
  <si>
    <t>CA719</t>
  </si>
  <si>
    <t>CA720</t>
  </si>
  <si>
    <t>Redwood Bypass Demonstration Project (CA)</t>
  </si>
  <si>
    <t>ALAMEDA ISLAND - I-880</t>
  </si>
  <si>
    <t>Improve the interchange at Cabo and Nason Street in Moreno Valley</t>
  </si>
  <si>
    <t>Construct bikeways, Santa Maria</t>
  </si>
  <si>
    <t>Improve streets and construct bicycle path, Westlake Village</t>
  </si>
  <si>
    <t>Improve streets and construct bicycle path, Calabasas</t>
  </si>
  <si>
    <t>Improve Mission Boulevard in San Bernardino, California</t>
  </si>
  <si>
    <t>Reconstruct Tennessee Valley Bridge, Marin Co.</t>
  </si>
  <si>
    <t>Rehabilitate historic train depot in San Bernadino</t>
  </si>
  <si>
    <t>Construct bike paths, Thousand Oaks</t>
  </si>
  <si>
    <t>Upgrade access to Sylmar/San Fernando Metrolink Station and Westfield Village, Los Angeles</t>
  </si>
  <si>
    <t>Improve highway access to Humboldt Bay and Harbor Port</t>
  </si>
  <si>
    <t>Construct pedestrian boardwalk between terminus of Pismo Promenade at Pismo Creek and Grande Avenue in Gover Beach</t>
  </si>
  <si>
    <t>Construct interchanges for I-10 in Coachella Valley, Riverside County</t>
  </si>
  <si>
    <t>Improve and construct I-80 reliever route project; Walters Road and Walters Road Extension Segments</t>
  </si>
  <si>
    <t>Construct capital improvements along I-680 corridor</t>
  </si>
  <si>
    <t>Implement traffic management improvements, Grover Beach</t>
  </si>
  <si>
    <t>Construct the South Central Los Angeles Exposition Park Intermodal Urban Access Project in Los Angeles</t>
  </si>
  <si>
    <t>Upgrade Price Canyon Road including construction of bikeway between San Luis Obispo and Pismo Beach</t>
  </si>
  <si>
    <t>Construct railroad at-grade crossings, San Leandro</t>
  </si>
  <si>
    <t>Rehabilitate pavement throughout Santa Barbara Co.</t>
  </si>
  <si>
    <t>Reconstruct Grand Avenue between Elm Street and Halcyon Road, Arroyo Grande</t>
  </si>
  <si>
    <t>Construct Los Angeles County Gateway Cities NHS Access</t>
  </si>
  <si>
    <t>Construct Port of Oakland intermodal terminal</t>
  </si>
  <si>
    <t>Upgrade Osgood Road between Washington Blvd. and South Grimmer Blvd., Freemont</t>
  </si>
  <si>
    <t>Reconstruct and widen Mission Road, Alhambra</t>
  </si>
  <si>
    <t>Rehabilitate Artesia Blvd.</t>
  </si>
  <si>
    <t>Improve streets and highways, and/or construct sound walls, Thousand Oaks</t>
  </si>
  <si>
    <t>Construct new I-5 interchange with Highway 99W, Tehama Co.</t>
  </si>
  <si>
    <t>Upgrade Route 4 West in Contra Costa Co.</t>
  </si>
  <si>
    <t>Improve Folsom Boulevard - Highway 50 in the city of Folsom</t>
  </si>
  <si>
    <t>Upgrade Greenville Rd. and construct railroad underpass, Livermore</t>
  </si>
  <si>
    <t>Widen 5th Street and replace 5th Street bridge in Highland, California.</t>
  </si>
  <si>
    <t>Construct I-5/Avenida Vista Hermosa interchange in San Clemente</t>
  </si>
  <si>
    <t>Improve streets and construct bicycle paths, Agoura Hills</t>
  </si>
  <si>
    <t>Reconstruct Harbor Blvd./SR22 Interchange, City of Garden Grove</t>
  </si>
  <si>
    <t>Rehabilitate B Street between Foothill Blvd. and Kelly St., Hayward</t>
  </si>
  <si>
    <t>Improve streets and related bicycle lane in Oak Park, Ventura Co.</t>
  </si>
  <si>
    <t>Extend 7th St. between F St. and North 7th St., Sacramento</t>
  </si>
  <si>
    <t>Rehabilitate Highway 1 in Guadalupe</t>
  </si>
  <si>
    <t>Upgrade Industrial Parkway Southwest between Whipple Rd. and improved segment of the parkway, Hayward</t>
  </si>
  <si>
    <t>Widen SR-23 between Moorpark and Thousand Oaks</t>
  </si>
  <si>
    <t>Undertake San Pedro Bridge project at SR 1, Pacifica</t>
  </si>
  <si>
    <t>Upgrade Del Almo Boulevard at I-405</t>
  </si>
  <si>
    <t>Construct Overland Drive overcrossing in Temecula</t>
  </si>
  <si>
    <t>Construct I-15 Galinas interchange in Riverside County</t>
  </si>
  <si>
    <t>Construct Centennial Transportation Corridor</t>
  </si>
  <si>
    <t>Reconstruct Palos Verdes Drive, Palos Verdes Estates</t>
  </si>
  <si>
    <t>Stabilize US-101 at Wilson Creek</t>
  </si>
  <si>
    <t>Construct Sacramento Intermodal Station</t>
  </si>
  <si>
    <t>Upgrade Riverside Avenue/I-10 interchange, Rialto</t>
  </si>
  <si>
    <t>Construct I-680 HOV lanes between Marina Vista toll plaza to North Main Street, Martinez to Walnut Creek</t>
  </si>
  <si>
    <t>Upgrade South Higuera Street, San Luis Obispo</t>
  </si>
  <si>
    <t>Replace Maxwell Bridge, Napa Cty</t>
  </si>
  <si>
    <t>Boulder Ave Bridge Project, Highland, California</t>
  </si>
  <si>
    <t>Lincoln Boulevard Improvement Project, California</t>
  </si>
  <si>
    <t>Project Design for Improvements to Refugio Road, California</t>
  </si>
  <si>
    <t>Construct safe access to streets for bicyclists and pedestrians including crosswalks, sidewalks and traffic calming measures, Covina</t>
  </si>
  <si>
    <t>Develop and implement ITS master plan in
Anaheim</t>
  </si>
  <si>
    <t>Reconstruct and deep-lift asphalt on various roads throughout the district in Santa Barbara County</t>
  </si>
  <si>
    <t>Huntington Beach, Remove off-ramp on I_x0013_405 at Beach Blvd. Construct fourth lane on I_x0013_405 North, at the Beach Blvd. interchange</t>
  </si>
  <si>
    <t>Replace structurally unsafe Winters Bridge for vehicles, bicycles and pedestrians between Yolo and Solano Counties</t>
  </si>
  <si>
    <t>Douglas St. Improvements, El Segundo</t>
  </si>
  <si>
    <t>Willow and Herndon Traffic Flow Improvements, City of Clovis, California</t>
  </si>
  <si>
    <t>Construct pedestrian, bicycle and ADA accessible boardwalks at the Pismo Beach Promenade in San Luis Obispo County</t>
  </si>
  <si>
    <t>Construct a 2.8 mile bikeway along Lambert Road from Mills Ave., to Valley Home Ave., in the City of Whittier, CA</t>
  </si>
  <si>
    <t>Construction of Cross Valley Connector between I_x0013_5 and SR 14</t>
  </si>
  <si>
    <t>Implement Southwest San Fernando Valley Road and Safety Improvements</t>
  </si>
  <si>
    <t>Construct new left turn lane at State Route 19 and Telstar in El Monte</t>
  </si>
  <si>
    <t>I_x0013_10 and Indian Ave. Interchange, Palm Springs, CA</t>
  </si>
  <si>
    <t>Folsom Blvd. Transportation Enhancements, City of Rancho Cordova</t>
  </si>
  <si>
    <t>Conduct project design and environmental analysis of Heritage Bridge on Heritage Road linking Chula Vista to Otay Mesa</t>
  </si>
  <si>
    <t>San Gabriel Blvd. Rehabilitation Project_x0014_Mission Rd. to Broadway, San Gabriel</t>
  </si>
  <si>
    <t>Mariposa County, CA Improve 16 roads, bridge and one bike path</t>
  </si>
  <si>
    <t>Mission Boulevard/State Route 71 Interchange_x0014_Corridor Improvements</t>
  </si>
  <si>
    <t>Construct Route 101 Auxiliary Lanes 3rd Ave. in the City of San Mateo to Millbrae Ave. in Millbrae</t>
  </si>
  <si>
    <t>Improvement of intersection at Aviation Blvd. and Rosecrans Ave. to reduce congestion, City of Hawthorne</t>
  </si>
  <si>
    <t>Shoal Creek Pedestrian Bridge (San Diego)</t>
  </si>
  <si>
    <t>Construct bicycle and pedestrian bridge between Oyster Bay Regional Park in San Leandro and Metropolitan Golf Course in Oakland</t>
  </si>
  <si>
    <t>Construct road from Mace Blvd. in Yolo County to federally supported Pacific Flyway wildlife area</t>
  </si>
  <si>
    <t>Reconstruct Eastern Ave. from Muller St. to Watcher St. in Bell Gardens.</t>
  </si>
  <si>
    <t>Rosemead Boulevard/Highway 19 Renovation Project, Pico Rivera.</t>
  </si>
  <si>
    <t>Widening Avenue 416 in Dinuba California.</t>
  </si>
  <si>
    <t>U.S. 101 Operational Improvements, San Jose</t>
  </si>
  <si>
    <t>Construction of CA 101 Auxiliary Lanes, Marsh Rd. to Santa Clara County Line</t>
  </si>
  <si>
    <t>Implement Van Nuys Road and Safety Improvements.</t>
  </si>
  <si>
    <t>Almaden Expressway Improvements between Branham Lane and Blossom Road, San Jose</t>
  </si>
  <si>
    <t>Palm Drive and Interstate 10 interchange project</t>
  </si>
  <si>
    <t>Reconstruct interchange at I-10 and Riverside Avenue to improve traffic in Rialto</t>
  </si>
  <si>
    <t>Expand carsharing pilot program to serve low-and moderate-income neighborhoods in the City and County of San Francisco.</t>
  </si>
  <si>
    <t>Install new grade separation at Ranchero Road in Hesperia</t>
  </si>
  <si>
    <t>San Gabriel Blvd. rehabilitation project, Mission Road to Broadway, San Gabriel</t>
  </si>
  <si>
    <t>Transportation enhancements to Children's Museum of Los Angeles.</t>
  </si>
  <si>
    <t>City of Redondo Beach Esplanade Improvement Project.</t>
  </si>
  <si>
    <t>Passons Grade Separation in the City of Pico Rivera.</t>
  </si>
  <si>
    <t>Install emergency vehicle preemption equipment along major arterials in the I- 880 corridor, Alameda County</t>
  </si>
  <si>
    <t>Construction of Campus Parkway from State Route 99 to Yosemite Ave., Merced County.</t>
  </si>
  <si>
    <t>City of Madera, CA Improve SR 99--SR 145 Interchange.</t>
  </si>
  <si>
    <t>State Route 99 improvements at Sheldon Road.</t>
  </si>
  <si>
    <t>Project to evaluate air quality and congestion mitigation benefits of a Hybrid Utility Vehicle in Santa Barbara County</t>
  </si>
  <si>
    <t>Complete the engineering design and acquire the right-of-way needed for the Arch-Sperry project in San Joaquin County</t>
  </si>
  <si>
    <t>Route 198 Expansion, from SR 99 to SR 43</t>
  </si>
  <si>
    <t>Replace SR 22 interchanges, construct HOV lanes, and lengthen bridges in Garden Grove.</t>
  </si>
  <si>
    <t>Crenshaw Blvd. Rehabilitation, 182nd St. 190th St.; and Crenshaw Blvd. at 182nd St. Fwy on- off Ramp Capacity Enhancement, City of Torrance</t>
  </si>
  <si>
    <t>Oregon-Page Mill expressway Improvements between U.S. 101 and SR 82, Palo Alto</t>
  </si>
  <si>
    <t>Construction of traffic and pedestrian safety improvements in Yucca Valley</t>
  </si>
  <si>
    <t>Avalon Boulevard/I-405 Interchange modification project, Carson.</t>
  </si>
  <si>
    <t>Construct I-80 HOV lanes and interchange in Vallejo</t>
  </si>
  <si>
    <t>U.S. 101 Corridor Improvements--Route 280 to the Capitol-Yerba Buena Interchange.</t>
  </si>
  <si>
    <t>Reconstruct Paramount Blvd. with medians and improve drainage from north border to south border of city in Lakewood</t>
  </si>
  <si>
    <t>Widen and make ITS improvements on Paramount Blvd. between Telegraph Rd. and Gardendale St. in Downey</t>
  </si>
  <si>
    <t>Construct and repair lining in four tunnels on Kanan, Kanan Dume, and Malibu Canyon Roads between U.S. 1 and U.S. 101</t>
  </si>
  <si>
    <t>Upgrade first responders signal pre-emption hardware, Culver City.</t>
  </si>
  <si>
    <t>Make traffic and safety improvements to Atlantic Blvd. in Maywood</t>
  </si>
  <si>
    <t>Widen I-238 between I-580 and I-880 in Alameda County</t>
  </si>
  <si>
    <t>Enhance pedestrian environment and increase safety along Olympic Blvd. between Vermont and Western Avenues, Los Angeles.</t>
  </si>
  <si>
    <t>Improvements to Ben Maddox Way Bridge</t>
  </si>
  <si>
    <t>Widen Peyton Drive from Grand Ave. to Chino Hills Pky., construct Eucalyptus Ave. from Peyton Drive to Galloping Hills, improve English Channel.</t>
  </si>
  <si>
    <t>Port of Hueneme Intermodal Access Improvement Project, including grade separation at Rice Avenue and State Route 34; widen Hueneme Road</t>
  </si>
  <si>
    <t>Reconstruct and deep-lift asphalt on various roads throughout the district in Ventura County</t>
  </si>
  <si>
    <t>Rosemead Boulevard safety enhancement and beautification, Temple City</t>
  </si>
  <si>
    <t>Hazel Avenue Improvements, U.S. Highway 50 to Madison Avenue</t>
  </si>
  <si>
    <t>Signal upgrades on Avenida de las Flores, Melinda Road, Avenida de las Banderas, and Alma Aldea, Rancho Santa Margarita, California</t>
  </si>
  <si>
    <t>Modifies 9 traffic signals between Willow Road and Middlefield Road and Hamilton Avenue, Menlo Park</t>
  </si>
  <si>
    <t>Develop conceptual master plan to improve the efficiency of transportation facilities, Covina</t>
  </si>
  <si>
    <t>Diamond Bar, CA Grand Avenue Rehabilitation.</t>
  </si>
  <si>
    <t>Valley Boulevard Capacity Improvement between 710 Freeway and Marguerita Avenue, Alhambra</t>
  </si>
  <si>
    <t>Construct Cypress Avenue over-pass to separate Interstate 10 and Union Pacific Railroad tracks in Fontana.</t>
  </si>
  <si>
    <t>Modify and reconfigure Kanan Road interchange along U.S. 101 in Agoura Hills.</t>
  </si>
  <si>
    <t>Reconstruct Rosecrans Ave. and construct bus pads from Garfield Ave. to Century Blvd. in Paramount</t>
  </si>
  <si>
    <t>Design and implement Harbor Boulevard ITS in Garden Grove.</t>
  </si>
  <si>
    <t>Widen and realign Cherry Avenue from 19th Street to one block south of Pacific Coast Highway, Signal Hill</t>
  </si>
  <si>
    <t>Reconstruct Atlantic Ave. and improve drainage from Ardmore St. to Imperial Hwy in South Gate.</t>
  </si>
  <si>
    <t>Hazel Avenue ITS Improvements, Folsom Blvd. to Placer County</t>
  </si>
  <si>
    <t>Auburn Boulevard Improvements, City of Citrus Heights</t>
  </si>
  <si>
    <t>Sacramento County, California--Watt Avenue Multimodal Mobility Improvements, Kiefer Boulevard to Fair Oaks Boulevard.</t>
  </si>
  <si>
    <t>Construction at I-580 and California SR 84 (Isabel Avenue) Interchange.</t>
  </si>
  <si>
    <t>Construct Illinois Street Bridge/Amador Street Connection and Improvements, San Francisco.</t>
  </si>
  <si>
    <t>Increase Capacity on I-80 between Sacramento/Placer County Line and SR 65.</t>
  </si>
  <si>
    <t>Mission Boulevard/State Route 71 Interchange-- Corridor Improvements in Pomona</t>
  </si>
  <si>
    <t>Virginia Corridor Rails to Trails: Reconstruct Union Pacific Right-of-Way to bicycle and pedestrian trail, City of Modesto, Stanislaus County.</t>
  </si>
  <si>
    <t>Improve air quality in the Sacramento region, Sacramento Area Council of Governments.</t>
  </si>
  <si>
    <t>Construct 20 mile managed lanes on Interstate 15 between State Route 163 and State Route 78 (San Diego)</t>
  </si>
  <si>
    <t>Construction of Cross Valley Connector between I- 5 and SR 14.</t>
  </si>
  <si>
    <t>I-680: Construct High Occupancy Toll Lanes in Alameda County</t>
  </si>
  <si>
    <t>For Environmental Review Process at I-5 Interchanges, Stockton, North Grove, Eight Mile Road, Otto Drive, and Hammer Lane.</t>
  </si>
  <si>
    <t>Folsom Boulevard Corridor Transportation Enhancements, between Rod Beaudry Drive and Sunrise Boulevard, City of Rancho Cordova.</t>
  </si>
  <si>
    <t>Fresno State Route 41 Off ramp Improvements, CA</t>
  </si>
  <si>
    <t>04</t>
  </si>
  <si>
    <t>Alameda County Transportation Authority</t>
  </si>
  <si>
    <t>Metropolitan Transportation Commission</t>
  </si>
  <si>
    <t>07</t>
  </si>
  <si>
    <t>Hawthorne</t>
  </si>
  <si>
    <t>Southern California Association Of Governments</t>
  </si>
  <si>
    <t>03</t>
  </si>
  <si>
    <t>Sacramento</t>
  </si>
  <si>
    <t>Sacramento Area Council Of Governments</t>
  </si>
  <si>
    <t>08</t>
  </si>
  <si>
    <t>Fontana</t>
  </si>
  <si>
    <t>Moreno Valley</t>
  </si>
  <si>
    <t>05</t>
  </si>
  <si>
    <t>Santa Maria</t>
  </si>
  <si>
    <t>Santa Barbara County Association Of Governments</t>
  </si>
  <si>
    <t>Westlake Village</t>
  </si>
  <si>
    <t>Calabasas</t>
  </si>
  <si>
    <t>Montclair</t>
  </si>
  <si>
    <t>Marin County</t>
  </si>
  <si>
    <t>San Bernardino</t>
  </si>
  <si>
    <t>Thousand Oaks</t>
  </si>
  <si>
    <t>Los Angeles</t>
  </si>
  <si>
    <t>Santa Barbara County Association of Governments</t>
  </si>
  <si>
    <t>01</t>
  </si>
  <si>
    <t>Humboldt Bay Harbor Recreation &amp; Conservation District</t>
  </si>
  <si>
    <t>NULL</t>
  </si>
  <si>
    <t>Grover Beach</t>
  </si>
  <si>
    <t>San Luis Obispo Council Of Governments</t>
  </si>
  <si>
    <t>Indio</t>
  </si>
  <si>
    <t>Solano Transportation Authority</t>
  </si>
  <si>
    <t>Caltrans</t>
  </si>
  <si>
    <t>California Science Center</t>
  </si>
  <si>
    <t>San Luis Obispo County</t>
  </si>
  <si>
    <t>San Leandro</t>
  </si>
  <si>
    <t>Santa Barbara County</t>
  </si>
  <si>
    <t>Arroyo Grande</t>
  </si>
  <si>
    <t>Port Of Oakland</t>
  </si>
  <si>
    <t>Fremont</t>
  </si>
  <si>
    <t>Alhambra</t>
  </si>
  <si>
    <t>Torrance</t>
  </si>
  <si>
    <t>02</t>
  </si>
  <si>
    <t>Tehama County</t>
  </si>
  <si>
    <t>Livermore</t>
  </si>
  <si>
    <t>Highland</t>
  </si>
  <si>
    <t>12</t>
  </si>
  <si>
    <t>San Clemente</t>
  </si>
  <si>
    <t>Agoura Hills</t>
  </si>
  <si>
    <t>Garden Grove</t>
  </si>
  <si>
    <t>Hayward</t>
  </si>
  <si>
    <t>Ventura County</t>
  </si>
  <si>
    <t>Guadalupe</t>
  </si>
  <si>
    <t>11</t>
  </si>
  <si>
    <t>Chula Vista</t>
  </si>
  <si>
    <t>San Diego Association Of Governments</t>
  </si>
  <si>
    <t>Pacifica</t>
  </si>
  <si>
    <t>Carson</t>
  </si>
  <si>
    <t>Temecula</t>
  </si>
  <si>
    <t>06</t>
  </si>
  <si>
    <t>Bakersfield</t>
  </si>
  <si>
    <t>Kern County Council Of Governments</t>
  </si>
  <si>
    <t>Palos Verdes Est</t>
  </si>
  <si>
    <t>Rialto</t>
  </si>
  <si>
    <t>10</t>
  </si>
  <si>
    <t>San Joaquin Council Of Goverments</t>
  </si>
  <si>
    <t>San Luis Obispo</t>
  </si>
  <si>
    <t>Napa</t>
  </si>
  <si>
    <t>Pomona</t>
  </si>
  <si>
    <t>Santa Monica</t>
  </si>
  <si>
    <t>Covina</t>
  </si>
  <si>
    <t>Anaheim</t>
  </si>
  <si>
    <t>Orange County Transportation Authority</t>
  </si>
  <si>
    <t>Winters</t>
  </si>
  <si>
    <t>El Segundo</t>
  </si>
  <si>
    <t>Clovis</t>
  </si>
  <si>
    <t>Council Of Fresno County Goverments</t>
  </si>
  <si>
    <t>Pismo Beach</t>
  </si>
  <si>
    <t>Whittier</t>
  </si>
  <si>
    <t>Santa Clarita</t>
  </si>
  <si>
    <t>El Monte</t>
  </si>
  <si>
    <t>Palm Springs</t>
  </si>
  <si>
    <t>Rancho Cordova</t>
  </si>
  <si>
    <t>San Gabriel</t>
  </si>
  <si>
    <t>Mariposa County</t>
  </si>
  <si>
    <t>San Diego</t>
  </si>
  <si>
    <t>Merced County Association of Governments</t>
  </si>
  <si>
    <t>Merced County Association Of Goverments</t>
  </si>
  <si>
    <t>Yolo County</t>
  </si>
  <si>
    <t>Bell Gardens</t>
  </si>
  <si>
    <t>Pico Rivera</t>
  </si>
  <si>
    <t>Tulare County Association Of Governments</t>
  </si>
  <si>
    <t>Hesperia</t>
  </si>
  <si>
    <t>Redondo Beach</t>
  </si>
  <si>
    <t>Alameda County Congestion Management Agency</t>
  </si>
  <si>
    <t>Merced County</t>
  </si>
  <si>
    <t>Elk Grove</t>
  </si>
  <si>
    <t>Lompoc</t>
  </si>
  <si>
    <t>Stockton</t>
  </si>
  <si>
    <t>Yucca Valley</t>
  </si>
  <si>
    <t>Solano County</t>
  </si>
  <si>
    <t>Downey</t>
  </si>
  <si>
    <t>Culver City</t>
  </si>
  <si>
    <t>Maywood</t>
  </si>
  <si>
    <t>Visalia</t>
  </si>
  <si>
    <t>Chino Hills</t>
  </si>
  <si>
    <t>Oxnard</t>
  </si>
  <si>
    <t>Temple City</t>
  </si>
  <si>
    <t>La Mirada</t>
  </si>
  <si>
    <t>Sacramento County</t>
  </si>
  <si>
    <t>Rancho Santa Margarita</t>
  </si>
  <si>
    <t>Menlo Park</t>
  </si>
  <si>
    <t>Diamond Bar</t>
  </si>
  <si>
    <t>Paramount</t>
  </si>
  <si>
    <t>Signal Hill</t>
  </si>
  <si>
    <t>South Gate</t>
  </si>
  <si>
    <t>Citrus Heights</t>
  </si>
  <si>
    <t>Port of San Francisco</t>
  </si>
  <si>
    <t>Roseville</t>
  </si>
  <si>
    <t>Modesto</t>
  </si>
  <si>
    <t>Stanislaus Council Of Governments</t>
  </si>
  <si>
    <t>Sacramento Area Council of Governments</t>
  </si>
  <si>
    <t>Belmont</t>
  </si>
  <si>
    <t>Fresno</t>
  </si>
  <si>
    <t>Folsom</t>
  </si>
  <si>
    <t>Moorpark</t>
  </si>
  <si>
    <t>Tulare / Kings County</t>
  </si>
  <si>
    <t>Humboldt County</t>
  </si>
  <si>
    <t>Exces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7" formatCode="&quot;$&quot;#,##0.00_);\(&quot;$&quot;#,##0.00\)"/>
    <numFmt numFmtId="43" formatCode="_(* #,##0.00_);_(* \(#,##0.00\);_(* &quot;-&quot;??_);_(@_)"/>
    <numFmt numFmtId="164" formatCode="&quot;$&quot;#,##0.00"/>
  </numFmts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indexed="8"/>
      <name val="Calibri"/>
      <family val="2"/>
      <scheme val="minor"/>
    </font>
    <font>
      <b/>
      <sz val="10"/>
      <name val="Arial"/>
      <family val="2"/>
    </font>
    <font>
      <sz val="1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name val="Calibri"/>
      <family val="2"/>
      <scheme val="minor"/>
    </font>
    <font>
      <b/>
      <sz val="10"/>
      <color indexed="8"/>
      <name val="Calibri"/>
      <family val="2"/>
      <scheme val="minor"/>
    </font>
    <font>
      <sz val="9"/>
      <color theme="1"/>
      <name val="Calibri"/>
      <family val="2"/>
      <scheme val="minor"/>
    </font>
    <font>
      <sz val="8"/>
      <color theme="1"/>
      <name val="Calibri"/>
      <family val="2"/>
      <scheme val="minor"/>
    </font>
    <font>
      <sz val="10"/>
      <name val="Arial"/>
      <family val="2"/>
    </font>
    <font>
      <b/>
      <sz val="10"/>
      <color theme="1"/>
      <name val="Calibri"/>
      <family val="2"/>
      <scheme val="minor"/>
    </font>
    <font>
      <b/>
      <sz val="9"/>
      <name val="Calibri"/>
      <family val="2"/>
      <scheme val="minor"/>
    </font>
    <font>
      <sz val="8"/>
      <name val="Calibri"/>
      <family val="2"/>
      <scheme val="minor"/>
    </font>
    <font>
      <sz val="9"/>
      <name val="Calibri"/>
      <family val="2"/>
      <scheme val="minor"/>
    </font>
    <font>
      <b/>
      <sz val="14"/>
      <name val="Calibri"/>
      <family val="2"/>
      <scheme val="minor"/>
    </font>
    <font>
      <b/>
      <sz val="12"/>
      <name val="Calibri"/>
      <family val="2"/>
      <scheme val="minor"/>
    </font>
    <font>
      <b/>
      <sz val="20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66FF33"/>
        <bgColor indexed="64"/>
      </patternFill>
    </fill>
    <fill>
      <patternFill patternType="solid">
        <fgColor rgb="FFFF000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0" fontId="10" fillId="0" borderId="0"/>
    <xf numFmtId="0" fontId="10" fillId="0" borderId="0"/>
  </cellStyleXfs>
  <cellXfs count="58">
    <xf numFmtId="0" fontId="0" fillId="0" borderId="0" xfId="0"/>
    <xf numFmtId="0" fontId="0" fillId="0" borderId="0" xfId="0" applyAlignment="1"/>
    <xf numFmtId="0" fontId="0" fillId="0" borderId="0" xfId="0" applyFill="1" applyAlignment="1"/>
    <xf numFmtId="0" fontId="0" fillId="0" borderId="0" xfId="0" applyAlignment="1">
      <alignment horizontal="center"/>
    </xf>
    <xf numFmtId="0" fontId="0" fillId="0" borderId="0" xfId="0" applyFont="1" applyAlignment="1">
      <alignment wrapText="1"/>
    </xf>
    <xf numFmtId="0" fontId="0" fillId="0" borderId="0" xfId="0" applyFill="1" applyBorder="1" applyAlignment="1"/>
    <xf numFmtId="0" fontId="0" fillId="0" borderId="0" xfId="0" applyBorder="1" applyAlignment="1"/>
    <xf numFmtId="0" fontId="0" fillId="0" borderId="0" xfId="0" applyBorder="1" applyAlignment="1">
      <alignment horizontal="center"/>
    </xf>
    <xf numFmtId="0" fontId="0" fillId="0" borderId="0" xfId="0" applyFont="1" applyBorder="1" applyAlignment="1">
      <alignment wrapText="1"/>
    </xf>
    <xf numFmtId="7" fontId="2" fillId="0" borderId="0" xfId="1" applyNumberFormat="1" applyFont="1" applyFill="1" applyBorder="1" applyAlignment="1">
      <alignment horizontal="right" wrapText="1"/>
    </xf>
    <xf numFmtId="164" fontId="3" fillId="0" borderId="0" xfId="0" applyNumberFormat="1" applyFont="1" applyFill="1" applyBorder="1" applyAlignment="1">
      <alignment horizontal="right"/>
    </xf>
    <xf numFmtId="0" fontId="2" fillId="0" borderId="0" xfId="0" applyFont="1" applyFill="1" applyBorder="1" applyAlignment="1">
      <alignment horizontal="left" wrapText="1"/>
    </xf>
    <xf numFmtId="0" fontId="2" fillId="0" borderId="0" xfId="0" applyFont="1" applyFill="1" applyBorder="1" applyAlignment="1">
      <alignment horizontal="center" wrapText="1"/>
    </xf>
    <xf numFmtId="0" fontId="0" fillId="0" borderId="0" xfId="0" applyNumberFormat="1" applyFont="1" applyBorder="1" applyAlignment="1">
      <alignment horizontal="center"/>
    </xf>
    <xf numFmtId="49" fontId="0" fillId="0" borderId="0" xfId="0" applyNumberFormat="1" applyFont="1" applyBorder="1" applyAlignment="1">
      <alignment horizontal="left" wrapText="1"/>
    </xf>
    <xf numFmtId="0" fontId="4" fillId="0" borderId="0" xfId="0" applyFont="1" applyFill="1" applyBorder="1" applyAlignment="1">
      <alignment horizontal="left"/>
    </xf>
    <xf numFmtId="49" fontId="4" fillId="0" borderId="0" xfId="0" applyNumberFormat="1" applyFont="1" applyFill="1" applyBorder="1" applyAlignment="1">
      <alignment horizontal="left"/>
    </xf>
    <xf numFmtId="0" fontId="0" fillId="0" borderId="0" xfId="0" applyBorder="1" applyAlignment="1">
      <alignment horizontal="left" wrapText="1"/>
    </xf>
    <xf numFmtId="0" fontId="0" fillId="0" borderId="0" xfId="0" applyFont="1" applyFill="1" applyBorder="1" applyAlignment="1">
      <alignment horizontal="left"/>
    </xf>
    <xf numFmtId="49" fontId="0" fillId="0" borderId="0" xfId="0" applyNumberFormat="1" applyFont="1" applyFill="1" applyBorder="1" applyAlignment="1">
      <alignment horizontal="left"/>
    </xf>
    <xf numFmtId="0" fontId="0" fillId="0" borderId="0" xfId="0" applyFill="1" applyAlignment="1">
      <alignment horizontal="center" vertical="center"/>
    </xf>
    <xf numFmtId="0" fontId="0" fillId="0" borderId="0" xfId="0" applyFill="1" applyBorder="1" applyAlignment="1">
      <alignment horizontal="center"/>
    </xf>
    <xf numFmtId="0" fontId="0" fillId="0" borderId="0" xfId="0" applyFont="1" applyFill="1" applyAlignment="1">
      <alignment wrapText="1"/>
    </xf>
    <xf numFmtId="7" fontId="6" fillId="0" borderId="1" xfId="0" applyNumberFormat="1" applyFont="1" applyFill="1" applyBorder="1" applyAlignment="1">
      <alignment wrapText="1"/>
    </xf>
    <xf numFmtId="7" fontId="7" fillId="0" borderId="2" xfId="0" applyNumberFormat="1" applyFont="1" applyFill="1" applyBorder="1" applyAlignment="1">
      <alignment wrapText="1"/>
    </xf>
    <xf numFmtId="0" fontId="7" fillId="0" borderId="3" xfId="0" applyFont="1" applyFill="1" applyBorder="1" applyAlignment="1">
      <alignment horizontal="right" wrapText="1"/>
    </xf>
    <xf numFmtId="0" fontId="2" fillId="0" borderId="5" xfId="0" applyFont="1" applyFill="1" applyBorder="1" applyAlignment="1">
      <alignment horizontal="center" wrapText="1"/>
    </xf>
    <xf numFmtId="0" fontId="7" fillId="0" borderId="5" xfId="0" applyFont="1" applyFill="1" applyBorder="1" applyAlignment="1">
      <alignment horizontal="center" wrapText="1"/>
    </xf>
    <xf numFmtId="0" fontId="7" fillId="0" borderId="5" xfId="0" applyFont="1" applyFill="1" applyBorder="1" applyAlignment="1">
      <alignment wrapText="1"/>
    </xf>
    <xf numFmtId="0" fontId="5" fillId="0" borderId="4" xfId="0" applyFont="1" applyFill="1" applyBorder="1" applyAlignment="1">
      <alignment wrapText="1"/>
    </xf>
    <xf numFmtId="0" fontId="4" fillId="0" borderId="6" xfId="0" applyFont="1" applyFill="1" applyBorder="1" applyAlignment="1">
      <alignment horizontal="center" wrapText="1"/>
    </xf>
    <xf numFmtId="0" fontId="2" fillId="0" borderId="6" xfId="0" applyFont="1" applyFill="1" applyBorder="1" applyAlignment="1">
      <alignment horizontal="center" wrapText="1"/>
    </xf>
    <xf numFmtId="7" fontId="2" fillId="0" borderId="6" xfId="1" applyNumberFormat="1" applyFont="1" applyFill="1" applyBorder="1" applyAlignment="1">
      <alignment wrapText="1"/>
    </xf>
    <xf numFmtId="0" fontId="2" fillId="0" borderId="6" xfId="0" applyFont="1" applyFill="1" applyBorder="1" applyAlignment="1">
      <alignment wrapText="1"/>
    </xf>
    <xf numFmtId="0" fontId="5" fillId="0" borderId="6" xfId="0" applyNumberFormat="1" applyFont="1" applyFill="1" applyBorder="1" applyAlignment="1">
      <alignment horizontal="center"/>
    </xf>
    <xf numFmtId="0" fontId="2" fillId="2" borderId="6" xfId="0" applyFont="1" applyFill="1" applyBorder="1" applyAlignment="1">
      <alignment horizontal="center" wrapText="1"/>
    </xf>
    <xf numFmtId="0" fontId="8" fillId="0" borderId="0" xfId="0" applyFont="1" applyFill="1" applyAlignment="1"/>
    <xf numFmtId="0" fontId="9" fillId="0" borderId="0" xfId="0" applyFont="1" applyFill="1" applyAlignment="1"/>
    <xf numFmtId="43" fontId="11" fillId="0" borderId="7" xfId="1" applyFont="1" applyFill="1" applyBorder="1" applyAlignment="1">
      <alignment horizontal="center" vertical="top" wrapText="1"/>
    </xf>
    <xf numFmtId="0" fontId="9" fillId="0" borderId="0" xfId="0" applyFont="1" applyFill="1" applyAlignment="1">
      <alignment horizontal="center"/>
    </xf>
    <xf numFmtId="0" fontId="6" fillId="0" borderId="0" xfId="0" applyFont="1" applyFill="1" applyBorder="1" applyAlignment="1">
      <alignment horizontal="center" vertical="center" wrapText="1"/>
    </xf>
    <xf numFmtId="0" fontId="0" fillId="0" borderId="0" xfId="0" applyFill="1" applyAlignment="1">
      <alignment vertical="center"/>
    </xf>
    <xf numFmtId="0" fontId="13" fillId="0" borderId="0" xfId="0" applyFont="1" applyFill="1" applyAlignment="1">
      <alignment horizontal="center" vertical="center" wrapText="1"/>
    </xf>
    <xf numFmtId="0" fontId="13" fillId="0" borderId="0" xfId="0" applyFont="1" applyFill="1" applyAlignment="1">
      <alignment vertical="center" wrapText="1"/>
    </xf>
    <xf numFmtId="0" fontId="14" fillId="0" borderId="0" xfId="0" applyFont="1" applyFill="1" applyAlignment="1">
      <alignment horizontal="center" vertical="center"/>
    </xf>
    <xf numFmtId="0" fontId="6" fillId="0" borderId="0" xfId="0" applyFont="1" applyFill="1" applyBorder="1" applyAlignment="1">
      <alignment wrapText="1"/>
    </xf>
    <xf numFmtId="0" fontId="15" fillId="0" borderId="0" xfId="0" applyFont="1" applyFill="1" applyBorder="1" applyAlignment="1">
      <alignment wrapText="1"/>
    </xf>
    <xf numFmtId="0" fontId="15" fillId="0" borderId="0" xfId="0" applyFont="1" applyFill="1" applyBorder="1" applyAlignment="1">
      <alignment horizontal="center"/>
    </xf>
    <xf numFmtId="0" fontId="0" fillId="0" borderId="0" xfId="0" applyFill="1" applyAlignment="1">
      <alignment horizontal="center"/>
    </xf>
    <xf numFmtId="0" fontId="0" fillId="0" borderId="0" xfId="0" applyFont="1" applyFill="1" applyBorder="1" applyAlignment="1">
      <alignment wrapText="1"/>
    </xf>
    <xf numFmtId="0" fontId="16" fillId="0" borderId="0" xfId="0" applyFont="1" applyFill="1" applyBorder="1" applyAlignment="1">
      <alignment horizontal="center"/>
    </xf>
    <xf numFmtId="0" fontId="17" fillId="0" borderId="0" xfId="0" applyFont="1" applyFill="1" applyBorder="1" applyAlignment="1">
      <alignment horizontal="center"/>
    </xf>
    <xf numFmtId="0" fontId="5" fillId="0" borderId="6" xfId="0" applyNumberFormat="1" applyFont="1" applyFill="1" applyBorder="1" applyAlignment="1">
      <alignment horizontal="left" wrapText="1"/>
    </xf>
    <xf numFmtId="43" fontId="11" fillId="3" borderId="7" xfId="1" applyFont="1" applyFill="1" applyBorder="1" applyAlignment="1">
      <alignment horizontal="center" vertical="top" wrapText="1"/>
    </xf>
    <xf numFmtId="43" fontId="11" fillId="4" borderId="7" xfId="1" applyFont="1" applyFill="1" applyBorder="1" applyAlignment="1">
      <alignment horizontal="center" vertical="top" wrapText="1"/>
    </xf>
    <xf numFmtId="0" fontId="4" fillId="0" borderId="0" xfId="0" applyFont="1" applyFill="1" applyBorder="1" applyAlignment="1">
      <alignment wrapText="1"/>
    </xf>
    <xf numFmtId="0" fontId="4" fillId="0" borderId="0" xfId="0" applyFont="1" applyFill="1" applyBorder="1" applyAlignment="1">
      <alignment vertical="top" wrapText="1"/>
    </xf>
    <xf numFmtId="0" fontId="12" fillId="0" borderId="8" xfId="0" applyFont="1" applyBorder="1" applyAlignment="1">
      <alignment vertical="center"/>
    </xf>
  </cellXfs>
  <cellStyles count="4">
    <cellStyle name="Comma" xfId="1" builtinId="3"/>
    <cellStyle name="Normal" xfId="0" builtinId="0"/>
    <cellStyle name="Normal 2 2" xfId="2" xr:uid="{00000000-0005-0000-0000-000002000000}"/>
    <cellStyle name="Normal 4" xfId="3" xr:uid="{00000000-0005-0000-0000-000003000000}"/>
  </cellStyles>
  <dxfs count="0"/>
  <tableStyles count="0" defaultTableStyle="TableStyleMedium2" defaultPivotStyle="PivotStyleLight16"/>
  <colors>
    <mruColors>
      <color rgb="FFFF0000"/>
      <color rgb="FF66FF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J180"/>
  <sheetViews>
    <sheetView tabSelected="1" zoomScaleNormal="100" workbookViewId="0">
      <pane xSplit="4" ySplit="8" topLeftCell="E9" activePane="bottomRight" state="frozen"/>
      <selection pane="topRight" activeCell="E1" sqref="E1"/>
      <selection pane="bottomLeft" activeCell="A8" sqref="A8"/>
      <selection pane="bottomRight" activeCell="A7" sqref="A7:F7"/>
    </sheetView>
  </sheetViews>
  <sheetFormatPr defaultColWidth="22.7109375" defaultRowHeight="15" x14ac:dyDescent="0.25"/>
  <cols>
    <col min="1" max="1" width="11.7109375" style="4" customWidth="1"/>
    <col min="2" max="2" width="23.140625" style="1" customWidth="1"/>
    <col min="3" max="3" width="41.85546875" style="3" bestFit="1" customWidth="1"/>
    <col min="4" max="4" width="9.42578125" style="3" customWidth="1"/>
    <col min="5" max="5" width="55.140625" style="3" customWidth="1"/>
    <col min="6" max="8" width="20" style="1" customWidth="1"/>
    <col min="9" max="9" width="18.5703125" style="1" customWidth="1"/>
    <col min="10" max="10" width="18.5703125" style="2" customWidth="1"/>
    <col min="11" max="16384" width="22.7109375" style="1"/>
  </cols>
  <sheetData>
    <row r="1" spans="1:10" s="2" customFormat="1" ht="13.5" customHeight="1" x14ac:dyDescent="0.25">
      <c r="A1" s="49"/>
      <c r="C1" s="48"/>
      <c r="D1" s="48"/>
      <c r="E1" s="48"/>
    </row>
    <row r="2" spans="1:10" s="2" customFormat="1" ht="26.25" customHeight="1" x14ac:dyDescent="0.4">
      <c r="A2" s="46"/>
      <c r="B2" s="46"/>
      <c r="C2" s="46"/>
      <c r="D2" s="46"/>
      <c r="E2" s="51" t="s">
        <v>22</v>
      </c>
      <c r="H2" s="46"/>
      <c r="I2" s="55"/>
      <c r="J2" s="55"/>
    </row>
    <row r="3" spans="1:10" s="2" customFormat="1" ht="26.25" customHeight="1" x14ac:dyDescent="0.3">
      <c r="A3" s="46"/>
      <c r="B3" s="46"/>
      <c r="C3" s="46"/>
      <c r="D3" s="46"/>
      <c r="E3" s="50" t="s">
        <v>23</v>
      </c>
      <c r="G3" s="47"/>
      <c r="H3" s="46"/>
      <c r="I3" s="56"/>
      <c r="J3" s="56"/>
    </row>
    <row r="4" spans="1:10" s="2" customFormat="1" ht="26.25" customHeight="1" x14ac:dyDescent="0.25">
      <c r="A4" s="45"/>
      <c r="B4" s="45"/>
      <c r="C4" s="45"/>
      <c r="D4" s="45"/>
      <c r="E4" s="45"/>
      <c r="G4" s="45"/>
      <c r="H4" s="45"/>
      <c r="I4" s="56"/>
      <c r="J4" s="56"/>
    </row>
    <row r="5" spans="1:10" s="41" customFormat="1" ht="15.75" customHeight="1" x14ac:dyDescent="0.25">
      <c r="B5" s="43"/>
      <c r="C5" s="43"/>
      <c r="D5" s="43"/>
      <c r="E5" s="44" t="s">
        <v>21</v>
      </c>
      <c r="G5" s="43"/>
      <c r="H5" s="43"/>
      <c r="I5" s="43"/>
      <c r="J5" s="43"/>
    </row>
    <row r="6" spans="1:10" s="41" customFormat="1" ht="15" customHeight="1" x14ac:dyDescent="0.25">
      <c r="A6" s="42"/>
      <c r="B6" s="42"/>
      <c r="C6" s="42"/>
      <c r="D6" s="42"/>
      <c r="E6" s="42"/>
      <c r="F6" s="42"/>
      <c r="G6" s="42"/>
      <c r="H6" s="42"/>
      <c r="I6"/>
      <c r="J6"/>
    </row>
    <row r="7" spans="1:10" s="39" customFormat="1" ht="13.5" thickBot="1" x14ac:dyDescent="0.25">
      <c r="A7" s="57"/>
      <c r="B7" s="57"/>
      <c r="C7" s="57"/>
      <c r="D7" s="57"/>
      <c r="E7" s="57"/>
      <c r="F7" s="57"/>
      <c r="G7" s="40"/>
      <c r="H7" s="40"/>
      <c r="I7" s="40"/>
      <c r="J7" s="40"/>
    </row>
    <row r="8" spans="1:10" s="37" customFormat="1" ht="55.5" customHeight="1" x14ac:dyDescent="0.2">
      <c r="A8" s="38" t="s">
        <v>18</v>
      </c>
      <c r="B8" s="38" t="s">
        <v>19</v>
      </c>
      <c r="C8" s="38" t="s">
        <v>20</v>
      </c>
      <c r="D8" s="38" t="s">
        <v>17</v>
      </c>
      <c r="E8" s="38" t="s">
        <v>16</v>
      </c>
      <c r="F8" s="38" t="s">
        <v>24</v>
      </c>
      <c r="G8" s="38" t="s">
        <v>25</v>
      </c>
      <c r="H8" s="38" t="s">
        <v>26</v>
      </c>
      <c r="I8" s="53" t="s">
        <v>27</v>
      </c>
      <c r="J8" s="54" t="s">
        <v>453</v>
      </c>
    </row>
    <row r="9" spans="1:10" s="37" customFormat="1" ht="12.75" x14ac:dyDescent="0.2">
      <c r="A9" s="34" t="s">
        <v>350</v>
      </c>
      <c r="B9" s="52" t="s">
        <v>357</v>
      </c>
      <c r="C9" s="52"/>
      <c r="D9" s="31" t="s">
        <v>76</v>
      </c>
      <c r="E9" s="33" t="s">
        <v>227</v>
      </c>
      <c r="F9" s="32">
        <v>666314</v>
      </c>
      <c r="G9" s="32">
        <v>452883.51</v>
      </c>
      <c r="H9" s="32">
        <v>213430.49</v>
      </c>
      <c r="I9" s="32">
        <v>156927.49</v>
      </c>
      <c r="J9" s="32">
        <v>56503</v>
      </c>
    </row>
    <row r="10" spans="1:10" s="37" customFormat="1" ht="38.25" x14ac:dyDescent="0.2">
      <c r="A10" s="34" t="s">
        <v>350</v>
      </c>
      <c r="B10" s="52" t="s">
        <v>351</v>
      </c>
      <c r="C10" s="52"/>
      <c r="D10" s="31" t="s">
        <v>39</v>
      </c>
      <c r="E10" s="33" t="s">
        <v>190</v>
      </c>
      <c r="F10" s="32">
        <v>281902</v>
      </c>
      <c r="G10" s="32">
        <v>257217.41</v>
      </c>
      <c r="H10" s="32">
        <v>24684.59</v>
      </c>
      <c r="I10" s="32">
        <v>779.59</v>
      </c>
      <c r="J10" s="32">
        <v>23905</v>
      </c>
    </row>
    <row r="11" spans="1:10" s="37" customFormat="1" ht="12.75" x14ac:dyDescent="0.2">
      <c r="A11" s="34" t="s">
        <v>350</v>
      </c>
      <c r="B11" s="52" t="s">
        <v>452</v>
      </c>
      <c r="C11" s="52"/>
      <c r="D11" s="31" t="s">
        <v>28</v>
      </c>
      <c r="E11" s="33" t="s">
        <v>179</v>
      </c>
      <c r="F11" s="32">
        <v>105000000</v>
      </c>
      <c r="G11" s="32">
        <v>104722413.56</v>
      </c>
      <c r="H11" s="32">
        <v>277586.44</v>
      </c>
      <c r="I11" s="32">
        <v>0</v>
      </c>
      <c r="J11" s="32">
        <v>277586.44</v>
      </c>
    </row>
    <row r="12" spans="1:10" s="37" customFormat="1" ht="12.75" x14ac:dyDescent="0.2">
      <c r="A12" s="34" t="s">
        <v>367</v>
      </c>
      <c r="B12" s="52" t="s">
        <v>368</v>
      </c>
      <c r="C12" s="52"/>
      <c r="D12" s="31" t="s">
        <v>56</v>
      </c>
      <c r="E12" s="33" t="s">
        <v>207</v>
      </c>
      <c r="F12" s="32">
        <v>2255219</v>
      </c>
      <c r="G12" s="32">
        <v>630072.56999999995</v>
      </c>
      <c r="H12" s="32">
        <v>1625146.43</v>
      </c>
      <c r="I12" s="32">
        <v>1433904.43</v>
      </c>
      <c r="J12" s="32">
        <v>191242</v>
      </c>
    </row>
    <row r="13" spans="1:10" s="37" customFormat="1" ht="12.75" x14ac:dyDescent="0.2">
      <c r="A13" s="34" t="s">
        <v>333</v>
      </c>
      <c r="B13" s="52" t="s">
        <v>441</v>
      </c>
      <c r="C13" s="52" t="s">
        <v>335</v>
      </c>
      <c r="D13" s="31" t="s">
        <v>164</v>
      </c>
      <c r="E13" s="33" t="s">
        <v>313</v>
      </c>
      <c r="F13" s="32">
        <v>400590</v>
      </c>
      <c r="G13" s="32">
        <v>359960</v>
      </c>
      <c r="H13" s="32">
        <v>40630</v>
      </c>
      <c r="I13" s="32">
        <v>0</v>
      </c>
      <c r="J13" s="32">
        <v>40630</v>
      </c>
    </row>
    <row r="14" spans="1:10" s="37" customFormat="1" ht="12.75" x14ac:dyDescent="0.2">
      <c r="A14" s="34" t="s">
        <v>333</v>
      </c>
      <c r="B14" s="52" t="s">
        <v>421</v>
      </c>
      <c r="C14" s="52" t="s">
        <v>335</v>
      </c>
      <c r="D14" s="31" t="s">
        <v>126</v>
      </c>
      <c r="E14" s="33" t="s">
        <v>277</v>
      </c>
      <c r="F14" s="32">
        <v>3204720</v>
      </c>
      <c r="G14" s="32">
        <v>2879680</v>
      </c>
      <c r="H14" s="32">
        <v>325040</v>
      </c>
      <c r="I14" s="32">
        <v>1</v>
      </c>
      <c r="J14" s="32">
        <v>325039</v>
      </c>
    </row>
    <row r="15" spans="1:10" s="37" customFormat="1" ht="12.75" x14ac:dyDescent="0.2">
      <c r="A15" s="34" t="s">
        <v>333</v>
      </c>
      <c r="B15" s="52" t="s">
        <v>449</v>
      </c>
      <c r="C15" s="52" t="s">
        <v>335</v>
      </c>
      <c r="D15" s="31" t="s">
        <v>58</v>
      </c>
      <c r="E15" s="33" t="s">
        <v>209</v>
      </c>
      <c r="F15" s="32">
        <v>4382299</v>
      </c>
      <c r="G15" s="32">
        <v>3934512.68</v>
      </c>
      <c r="H15" s="32">
        <v>447786.32</v>
      </c>
      <c r="I15" s="32">
        <v>76168.320000000007</v>
      </c>
      <c r="J15" s="32">
        <v>371618</v>
      </c>
    </row>
    <row r="16" spans="1:10" s="37" customFormat="1" ht="25.5" x14ac:dyDescent="0.2">
      <c r="A16" s="34" t="s">
        <v>333</v>
      </c>
      <c r="B16" s="52" t="s">
        <v>407</v>
      </c>
      <c r="C16" s="52" t="s">
        <v>335</v>
      </c>
      <c r="D16" s="31" t="s">
        <v>177</v>
      </c>
      <c r="E16" s="33" t="s">
        <v>325</v>
      </c>
      <c r="F16" s="32">
        <v>1001475</v>
      </c>
      <c r="G16" s="32">
        <v>899806</v>
      </c>
      <c r="H16" s="32">
        <v>101669</v>
      </c>
      <c r="I16" s="32">
        <v>0</v>
      </c>
      <c r="J16" s="32">
        <v>101669</v>
      </c>
    </row>
    <row r="17" spans="1:10" s="37" customFormat="1" ht="25.5" x14ac:dyDescent="0.2">
      <c r="A17" s="34" t="s">
        <v>333</v>
      </c>
      <c r="B17" s="52" t="s">
        <v>407</v>
      </c>
      <c r="C17" s="52" t="s">
        <v>335</v>
      </c>
      <c r="D17" s="31" t="s">
        <v>98</v>
      </c>
      <c r="E17" s="33" t="s">
        <v>249</v>
      </c>
      <c r="F17" s="32">
        <v>5608260</v>
      </c>
      <c r="G17" s="32">
        <v>5039440</v>
      </c>
      <c r="H17" s="32">
        <v>568820</v>
      </c>
      <c r="I17" s="32">
        <v>0</v>
      </c>
      <c r="J17" s="32">
        <v>568820</v>
      </c>
    </row>
    <row r="18" spans="1:10" s="37" customFormat="1" ht="25.5" x14ac:dyDescent="0.2">
      <c r="A18" s="34" t="s">
        <v>333</v>
      </c>
      <c r="B18" s="52" t="s">
        <v>443</v>
      </c>
      <c r="C18" s="52" t="s">
        <v>335</v>
      </c>
      <c r="D18" s="31" t="s">
        <v>168</v>
      </c>
      <c r="E18" s="33" t="s">
        <v>317</v>
      </c>
      <c r="F18" s="32">
        <v>21631861</v>
      </c>
      <c r="G18" s="32">
        <v>16447115.77</v>
      </c>
      <c r="H18" s="32">
        <v>5184745.2300000004</v>
      </c>
      <c r="I18" s="32">
        <v>2990726.23</v>
      </c>
      <c r="J18" s="32">
        <v>2194019.0000000005</v>
      </c>
    </row>
    <row r="19" spans="1:10" s="37" customFormat="1" ht="12.75" x14ac:dyDescent="0.2">
      <c r="A19" s="34" t="s">
        <v>333</v>
      </c>
      <c r="B19" s="52" t="s">
        <v>334</v>
      </c>
      <c r="C19" s="52" t="s">
        <v>335</v>
      </c>
      <c r="D19" s="31" t="s">
        <v>66</v>
      </c>
      <c r="E19" s="33" t="s">
        <v>217</v>
      </c>
      <c r="F19" s="32">
        <v>1537649</v>
      </c>
      <c r="G19" s="32">
        <v>1407257</v>
      </c>
      <c r="H19" s="32">
        <v>130392</v>
      </c>
      <c r="I19" s="32">
        <v>0</v>
      </c>
      <c r="J19" s="32">
        <v>130392</v>
      </c>
    </row>
    <row r="20" spans="1:10" s="37" customFormat="1" ht="12.75" x14ac:dyDescent="0.2">
      <c r="A20" s="34" t="s">
        <v>333</v>
      </c>
      <c r="B20" s="52" t="s">
        <v>334</v>
      </c>
      <c r="C20" s="52" t="s">
        <v>335</v>
      </c>
      <c r="D20" s="31" t="s">
        <v>77</v>
      </c>
      <c r="E20" s="33" t="s">
        <v>228</v>
      </c>
      <c r="F20" s="32">
        <v>3075299</v>
      </c>
      <c r="G20" s="32">
        <v>2814514.09</v>
      </c>
      <c r="H20" s="32">
        <v>260784.91</v>
      </c>
      <c r="I20" s="32">
        <v>0</v>
      </c>
      <c r="J20" s="32">
        <v>260784.91</v>
      </c>
    </row>
    <row r="21" spans="1:10" s="37" customFormat="1" ht="25.5" x14ac:dyDescent="0.2">
      <c r="A21" s="34" t="s">
        <v>333</v>
      </c>
      <c r="B21" s="52" t="s">
        <v>446</v>
      </c>
      <c r="C21" s="52" t="s">
        <v>335</v>
      </c>
      <c r="D21" s="31" t="s">
        <v>171</v>
      </c>
      <c r="E21" s="33" t="s">
        <v>320</v>
      </c>
      <c r="F21" s="32">
        <v>5007375</v>
      </c>
      <c r="G21" s="32">
        <v>4499029.92</v>
      </c>
      <c r="H21" s="32">
        <v>508345.08</v>
      </c>
      <c r="I21" s="32">
        <v>0.08</v>
      </c>
      <c r="J21" s="32">
        <v>508345</v>
      </c>
    </row>
    <row r="22" spans="1:10" s="37" customFormat="1" ht="12.75" x14ac:dyDescent="0.2">
      <c r="A22" s="34" t="s">
        <v>333</v>
      </c>
      <c r="B22" s="52" t="s">
        <v>434</v>
      </c>
      <c r="C22" s="52" t="s">
        <v>335</v>
      </c>
      <c r="D22" s="31" t="s">
        <v>163</v>
      </c>
      <c r="E22" s="33" t="s">
        <v>312</v>
      </c>
      <c r="F22" s="32">
        <v>400590</v>
      </c>
      <c r="G22" s="32">
        <v>359960</v>
      </c>
      <c r="H22" s="32">
        <v>40630</v>
      </c>
      <c r="I22" s="32">
        <v>0</v>
      </c>
      <c r="J22" s="32">
        <v>40630</v>
      </c>
    </row>
    <row r="23" spans="1:10" s="37" customFormat="1" ht="12.75" x14ac:dyDescent="0.2">
      <c r="A23" s="34" t="s">
        <v>333</v>
      </c>
      <c r="B23" s="52" t="s">
        <v>434</v>
      </c>
      <c r="C23" s="52" t="s">
        <v>335</v>
      </c>
      <c r="D23" s="31" t="s">
        <v>150</v>
      </c>
      <c r="E23" s="33" t="s">
        <v>300</v>
      </c>
      <c r="F23" s="32">
        <v>2403540</v>
      </c>
      <c r="G23" s="32">
        <v>2159760</v>
      </c>
      <c r="H23" s="32">
        <v>243780</v>
      </c>
      <c r="I23" s="32">
        <v>0</v>
      </c>
      <c r="J23" s="32">
        <v>243780</v>
      </c>
    </row>
    <row r="24" spans="1:10" s="37" customFormat="1" ht="25.5" x14ac:dyDescent="0.2">
      <c r="A24" s="34" t="s">
        <v>333</v>
      </c>
      <c r="B24" s="52" t="s">
        <v>434</v>
      </c>
      <c r="C24" s="52" t="s">
        <v>335</v>
      </c>
      <c r="D24" s="31" t="s">
        <v>165</v>
      </c>
      <c r="E24" s="33" t="s">
        <v>314</v>
      </c>
      <c r="F24" s="32">
        <v>3204720</v>
      </c>
      <c r="G24" s="32">
        <v>2879680</v>
      </c>
      <c r="H24" s="32">
        <v>325040</v>
      </c>
      <c r="I24" s="32">
        <v>1</v>
      </c>
      <c r="J24" s="32">
        <v>325039</v>
      </c>
    </row>
    <row r="25" spans="1:10" s="37" customFormat="1" ht="25.5" x14ac:dyDescent="0.2">
      <c r="A25" s="34" t="s">
        <v>333</v>
      </c>
      <c r="B25" s="52" t="s">
        <v>398</v>
      </c>
      <c r="C25" s="52" t="s">
        <v>335</v>
      </c>
      <c r="D25" s="31" t="s">
        <v>89</v>
      </c>
      <c r="E25" s="33" t="s">
        <v>240</v>
      </c>
      <c r="F25" s="32">
        <v>1602360</v>
      </c>
      <c r="G25" s="32">
        <v>1439840</v>
      </c>
      <c r="H25" s="32">
        <v>162520</v>
      </c>
      <c r="I25" s="32">
        <v>0</v>
      </c>
      <c r="J25" s="32">
        <v>162520</v>
      </c>
    </row>
    <row r="26" spans="1:10" s="37" customFormat="1" ht="25.5" x14ac:dyDescent="0.2">
      <c r="A26" s="34" t="s">
        <v>333</v>
      </c>
      <c r="B26" s="52" t="s">
        <v>413</v>
      </c>
      <c r="C26" s="52" t="s">
        <v>335</v>
      </c>
      <c r="D26" s="31" t="s">
        <v>107</v>
      </c>
      <c r="E26" s="33" t="s">
        <v>258</v>
      </c>
      <c r="F26" s="32">
        <v>801180</v>
      </c>
      <c r="G26" s="32">
        <v>719920.75</v>
      </c>
      <c r="H26" s="32">
        <v>81259.25</v>
      </c>
      <c r="I26" s="32">
        <v>0.25</v>
      </c>
      <c r="J26" s="32">
        <v>81259</v>
      </c>
    </row>
    <row r="27" spans="1:10" s="37" customFormat="1" ht="38.25" x14ac:dyDescent="0.2">
      <c r="A27" s="34" t="s">
        <v>327</v>
      </c>
      <c r="B27" s="52" t="s">
        <v>419</v>
      </c>
      <c r="C27" s="52" t="s">
        <v>329</v>
      </c>
      <c r="D27" s="31" t="s">
        <v>175</v>
      </c>
      <c r="E27" s="33" t="s">
        <v>323</v>
      </c>
      <c r="F27" s="32">
        <v>2002950</v>
      </c>
      <c r="G27" s="32">
        <v>1799611.91</v>
      </c>
      <c r="H27" s="32">
        <v>203338.09</v>
      </c>
      <c r="I27" s="32">
        <v>0.09</v>
      </c>
      <c r="J27" s="32">
        <v>203338</v>
      </c>
    </row>
    <row r="28" spans="1:10" s="37" customFormat="1" ht="38.25" x14ac:dyDescent="0.2">
      <c r="A28" s="34" t="s">
        <v>327</v>
      </c>
      <c r="B28" s="52" t="s">
        <v>419</v>
      </c>
      <c r="C28" s="52" t="s">
        <v>329</v>
      </c>
      <c r="D28" s="31" t="s">
        <v>123</v>
      </c>
      <c r="E28" s="33" t="s">
        <v>274</v>
      </c>
      <c r="F28" s="32">
        <v>400590</v>
      </c>
      <c r="G28" s="32">
        <v>338985.37</v>
      </c>
      <c r="H28" s="32">
        <v>61604.63</v>
      </c>
      <c r="I28" s="32">
        <v>20974.63</v>
      </c>
      <c r="J28" s="32">
        <v>40630</v>
      </c>
    </row>
    <row r="29" spans="1:10" s="37" customFormat="1" ht="25.5" x14ac:dyDescent="0.2">
      <c r="A29" s="34" t="s">
        <v>327</v>
      </c>
      <c r="B29" s="52" t="s">
        <v>328</v>
      </c>
      <c r="C29" s="52" t="s">
        <v>329</v>
      </c>
      <c r="D29" s="31" t="s">
        <v>29</v>
      </c>
      <c r="E29" s="33" t="s">
        <v>180</v>
      </c>
      <c r="F29" s="32">
        <v>7688247</v>
      </c>
      <c r="G29" s="32">
        <v>7036283.9900000002</v>
      </c>
      <c r="H29" s="32">
        <v>651963.01</v>
      </c>
      <c r="I29" s="32">
        <v>0.01</v>
      </c>
      <c r="J29" s="32">
        <v>651963</v>
      </c>
    </row>
    <row r="30" spans="1:10" s="37" customFormat="1" ht="25.5" x14ac:dyDescent="0.2">
      <c r="A30" s="34" t="s">
        <v>327</v>
      </c>
      <c r="B30" s="52" t="s">
        <v>447</v>
      </c>
      <c r="C30" s="52" t="s">
        <v>329</v>
      </c>
      <c r="D30" s="31" t="s">
        <v>172</v>
      </c>
      <c r="E30" s="33" t="s">
        <v>13</v>
      </c>
      <c r="F30" s="32">
        <v>1001475</v>
      </c>
      <c r="G30" s="32">
        <v>899806</v>
      </c>
      <c r="H30" s="32">
        <v>101669</v>
      </c>
      <c r="I30" s="32">
        <v>0</v>
      </c>
      <c r="J30" s="32">
        <v>101669</v>
      </c>
    </row>
    <row r="31" spans="1:10" s="37" customFormat="1" ht="25.5" x14ac:dyDescent="0.2">
      <c r="A31" s="34" t="s">
        <v>327</v>
      </c>
      <c r="B31" s="52" t="s">
        <v>357</v>
      </c>
      <c r="C31" s="52" t="s">
        <v>329</v>
      </c>
      <c r="D31" s="31" t="s">
        <v>112</v>
      </c>
      <c r="E31" s="33" t="s">
        <v>263</v>
      </c>
      <c r="F31" s="32">
        <v>1802655</v>
      </c>
      <c r="G31" s="32">
        <v>1619820</v>
      </c>
      <c r="H31" s="32">
        <v>182835</v>
      </c>
      <c r="I31" s="32">
        <v>0</v>
      </c>
      <c r="J31" s="32">
        <v>182835</v>
      </c>
    </row>
    <row r="32" spans="1:10" s="37" customFormat="1" ht="12.75" x14ac:dyDescent="0.2">
      <c r="A32" s="34" t="s">
        <v>327</v>
      </c>
      <c r="B32" s="52" t="s">
        <v>357</v>
      </c>
      <c r="C32" s="52" t="s">
        <v>329</v>
      </c>
      <c r="D32" s="31" t="s">
        <v>43</v>
      </c>
      <c r="E32" s="33" t="s">
        <v>194</v>
      </c>
      <c r="F32" s="32">
        <v>2306474</v>
      </c>
      <c r="G32" s="32">
        <v>2110885</v>
      </c>
      <c r="H32" s="32">
        <v>195589</v>
      </c>
      <c r="I32" s="32">
        <v>0</v>
      </c>
      <c r="J32" s="32">
        <v>195589</v>
      </c>
    </row>
    <row r="33" spans="1:10" s="37" customFormat="1" ht="25.5" x14ac:dyDescent="0.2">
      <c r="A33" s="34" t="s">
        <v>327</v>
      </c>
      <c r="B33" s="52" t="s">
        <v>357</v>
      </c>
      <c r="C33" s="52" t="s">
        <v>329</v>
      </c>
      <c r="D33" s="31" t="s">
        <v>166</v>
      </c>
      <c r="E33" s="33" t="s">
        <v>315</v>
      </c>
      <c r="F33" s="32">
        <v>2002950</v>
      </c>
      <c r="G33" s="32">
        <v>1799800</v>
      </c>
      <c r="H33" s="32">
        <v>203150</v>
      </c>
      <c r="I33" s="32">
        <v>0</v>
      </c>
      <c r="J33" s="32">
        <v>203150</v>
      </c>
    </row>
    <row r="34" spans="1:10" s="37" customFormat="1" ht="25.5" x14ac:dyDescent="0.2">
      <c r="A34" s="34" t="s">
        <v>327</v>
      </c>
      <c r="B34" s="52" t="s">
        <v>357</v>
      </c>
      <c r="C34" s="52" t="s">
        <v>329</v>
      </c>
      <c r="D34" s="31" t="s">
        <v>79</v>
      </c>
      <c r="E34" s="33" t="s">
        <v>230</v>
      </c>
      <c r="F34" s="32">
        <v>5381772</v>
      </c>
      <c r="G34" s="32">
        <v>4925398</v>
      </c>
      <c r="H34" s="32">
        <v>456374</v>
      </c>
      <c r="I34" s="32">
        <v>0</v>
      </c>
      <c r="J34" s="32">
        <v>456374</v>
      </c>
    </row>
    <row r="35" spans="1:10" s="37" customFormat="1" ht="12.75" x14ac:dyDescent="0.2">
      <c r="A35" s="34" t="s">
        <v>327</v>
      </c>
      <c r="B35" s="52" t="s">
        <v>357</v>
      </c>
      <c r="C35" s="52" t="s">
        <v>329</v>
      </c>
      <c r="D35" s="31" t="s">
        <v>142</v>
      </c>
      <c r="E35" s="33" t="s">
        <v>293</v>
      </c>
      <c r="F35" s="32">
        <v>801180</v>
      </c>
      <c r="G35" s="32">
        <v>719920</v>
      </c>
      <c r="H35" s="32">
        <v>81260</v>
      </c>
      <c r="I35" s="32">
        <v>1</v>
      </c>
      <c r="J35" s="32">
        <v>81259</v>
      </c>
    </row>
    <row r="36" spans="1:10" s="37" customFormat="1" ht="25.5" x14ac:dyDescent="0.2">
      <c r="A36" s="34" t="s">
        <v>327</v>
      </c>
      <c r="B36" s="52" t="s">
        <v>357</v>
      </c>
      <c r="C36" s="52" t="s">
        <v>329</v>
      </c>
      <c r="D36" s="31" t="s">
        <v>103</v>
      </c>
      <c r="E36" s="33" t="s">
        <v>254</v>
      </c>
      <c r="F36" s="32">
        <v>3004425</v>
      </c>
      <c r="G36" s="32">
        <v>2699699</v>
      </c>
      <c r="H36" s="32">
        <v>304726</v>
      </c>
      <c r="I36" s="32">
        <v>1</v>
      </c>
      <c r="J36" s="32">
        <v>304725</v>
      </c>
    </row>
    <row r="37" spans="1:10" s="37" customFormat="1" ht="12.75" x14ac:dyDescent="0.2">
      <c r="A37" s="34" t="s">
        <v>327</v>
      </c>
      <c r="B37" s="52" t="s">
        <v>357</v>
      </c>
      <c r="C37" s="52" t="s">
        <v>329</v>
      </c>
      <c r="D37" s="31" t="s">
        <v>111</v>
      </c>
      <c r="E37" s="33" t="s">
        <v>262</v>
      </c>
      <c r="F37" s="32">
        <v>4005900</v>
      </c>
      <c r="G37" s="32">
        <v>3599600</v>
      </c>
      <c r="H37" s="32">
        <v>406300</v>
      </c>
      <c r="I37" s="32">
        <v>1</v>
      </c>
      <c r="J37" s="32">
        <v>406299</v>
      </c>
    </row>
    <row r="38" spans="1:10" s="37" customFormat="1" ht="25.5" x14ac:dyDescent="0.2">
      <c r="A38" s="34" t="s">
        <v>327</v>
      </c>
      <c r="B38" s="52" t="s">
        <v>357</v>
      </c>
      <c r="C38" s="52" t="s">
        <v>329</v>
      </c>
      <c r="D38" s="31" t="s">
        <v>136</v>
      </c>
      <c r="E38" s="33" t="s">
        <v>287</v>
      </c>
      <c r="F38" s="32">
        <v>4005900</v>
      </c>
      <c r="G38" s="32">
        <v>3599600</v>
      </c>
      <c r="H38" s="32">
        <v>406300</v>
      </c>
      <c r="I38" s="32">
        <v>1</v>
      </c>
      <c r="J38" s="32">
        <v>406299</v>
      </c>
    </row>
    <row r="39" spans="1:10" s="37" customFormat="1" ht="25.5" x14ac:dyDescent="0.2">
      <c r="A39" s="34" t="s">
        <v>327</v>
      </c>
      <c r="B39" s="52" t="s">
        <v>9</v>
      </c>
      <c r="C39" s="52" t="s">
        <v>329</v>
      </c>
      <c r="D39" s="31" t="s">
        <v>57</v>
      </c>
      <c r="E39" s="33" t="s">
        <v>208</v>
      </c>
      <c r="F39" s="32">
        <v>7688247</v>
      </c>
      <c r="G39" s="32">
        <v>7036284</v>
      </c>
      <c r="H39" s="32">
        <v>651963</v>
      </c>
      <c r="I39" s="32">
        <v>0</v>
      </c>
      <c r="J39" s="32">
        <v>651963</v>
      </c>
    </row>
    <row r="40" spans="1:10" s="37" customFormat="1" ht="25.5" x14ac:dyDescent="0.2">
      <c r="A40" s="34" t="s">
        <v>327</v>
      </c>
      <c r="B40" s="52" t="s">
        <v>364</v>
      </c>
      <c r="C40" s="52" t="s">
        <v>329</v>
      </c>
      <c r="D40" s="31" t="s">
        <v>52</v>
      </c>
      <c r="E40" s="33" t="s">
        <v>203</v>
      </c>
      <c r="F40" s="32">
        <v>1537649</v>
      </c>
      <c r="G40" s="32">
        <v>1407256.47</v>
      </c>
      <c r="H40" s="32">
        <v>130392.53</v>
      </c>
      <c r="I40" s="32">
        <v>0.53</v>
      </c>
      <c r="J40" s="32">
        <v>130392</v>
      </c>
    </row>
    <row r="41" spans="1:10" s="37" customFormat="1" ht="12.75" x14ac:dyDescent="0.2">
      <c r="A41" s="34" t="s">
        <v>327</v>
      </c>
      <c r="B41" s="52" t="s">
        <v>375</v>
      </c>
      <c r="C41" s="52" t="s">
        <v>329</v>
      </c>
      <c r="D41" s="31" t="s">
        <v>64</v>
      </c>
      <c r="E41" s="33" t="s">
        <v>215</v>
      </c>
      <c r="F41" s="32">
        <v>538177</v>
      </c>
      <c r="G41" s="32">
        <v>492540</v>
      </c>
      <c r="H41" s="32">
        <v>45637</v>
      </c>
      <c r="I41" s="32">
        <v>0</v>
      </c>
      <c r="J41" s="32">
        <v>45637</v>
      </c>
    </row>
    <row r="42" spans="1:10" s="37" customFormat="1" ht="25.5" x14ac:dyDescent="0.2">
      <c r="A42" s="34" t="s">
        <v>327</v>
      </c>
      <c r="B42" s="52" t="s">
        <v>375</v>
      </c>
      <c r="C42" s="52" t="s">
        <v>329</v>
      </c>
      <c r="D42" s="31" t="s">
        <v>68</v>
      </c>
      <c r="E42" s="33" t="s">
        <v>219</v>
      </c>
      <c r="F42" s="32">
        <v>461295</v>
      </c>
      <c r="G42" s="32">
        <v>421787.52</v>
      </c>
      <c r="H42" s="32">
        <v>39507.480000000003</v>
      </c>
      <c r="I42" s="32">
        <v>389.48</v>
      </c>
      <c r="J42" s="32">
        <v>39118</v>
      </c>
    </row>
    <row r="43" spans="1:10" s="37" customFormat="1" ht="25.5" x14ac:dyDescent="0.2">
      <c r="A43" s="34" t="s">
        <v>327</v>
      </c>
      <c r="B43" s="52" t="s">
        <v>369</v>
      </c>
      <c r="C43" s="52" t="s">
        <v>329</v>
      </c>
      <c r="D43" s="31" t="s">
        <v>59</v>
      </c>
      <c r="E43" s="33" t="s">
        <v>210</v>
      </c>
      <c r="F43" s="32">
        <v>5228007</v>
      </c>
      <c r="G43" s="32">
        <v>4784673</v>
      </c>
      <c r="H43" s="32">
        <v>443334</v>
      </c>
      <c r="I43" s="32">
        <v>0</v>
      </c>
      <c r="J43" s="32">
        <v>443334</v>
      </c>
    </row>
    <row r="44" spans="1:10" s="37" customFormat="1" ht="12.75" x14ac:dyDescent="0.2">
      <c r="A44" s="34" t="s">
        <v>327</v>
      </c>
      <c r="B44" s="52" t="s">
        <v>345</v>
      </c>
      <c r="C44" s="52" t="s">
        <v>329</v>
      </c>
      <c r="D44" s="31" t="s">
        <v>35</v>
      </c>
      <c r="E44" s="33" t="s">
        <v>186</v>
      </c>
      <c r="F44" s="32">
        <v>768825</v>
      </c>
      <c r="G44" s="32">
        <v>703628</v>
      </c>
      <c r="H44" s="32">
        <v>65197</v>
      </c>
      <c r="I44" s="32">
        <v>0</v>
      </c>
      <c r="J44" s="32">
        <v>65197</v>
      </c>
    </row>
    <row r="45" spans="1:10" s="37" customFormat="1" ht="25.5" x14ac:dyDescent="0.2">
      <c r="A45" s="34" t="s">
        <v>327</v>
      </c>
      <c r="B45" s="52" t="s">
        <v>436</v>
      </c>
      <c r="C45" s="52" t="s">
        <v>329</v>
      </c>
      <c r="D45" s="31" t="s">
        <v>153</v>
      </c>
      <c r="E45" s="33" t="s">
        <v>302</v>
      </c>
      <c r="F45" s="32">
        <v>240354</v>
      </c>
      <c r="G45" s="32">
        <v>201851.4</v>
      </c>
      <c r="H45" s="32">
        <v>38502.6</v>
      </c>
      <c r="I45" s="32">
        <v>14125.6</v>
      </c>
      <c r="J45" s="32">
        <v>24377</v>
      </c>
    </row>
    <row r="46" spans="1:10" s="37" customFormat="1" ht="38.25" x14ac:dyDescent="0.2">
      <c r="A46" s="34" t="s">
        <v>327</v>
      </c>
      <c r="B46" s="52" t="s">
        <v>329</v>
      </c>
      <c r="C46" s="52" t="s">
        <v>329</v>
      </c>
      <c r="D46" s="31" t="s">
        <v>117</v>
      </c>
      <c r="E46" s="33" t="s">
        <v>268</v>
      </c>
      <c r="F46" s="32">
        <v>1602360</v>
      </c>
      <c r="G46" s="32">
        <v>1439837.54</v>
      </c>
      <c r="H46" s="32">
        <v>162522.46</v>
      </c>
      <c r="I46" s="32">
        <v>2.46</v>
      </c>
      <c r="J46" s="32">
        <v>162520.00000000003</v>
      </c>
    </row>
    <row r="47" spans="1:10" s="37" customFormat="1" ht="12.75" x14ac:dyDescent="0.2">
      <c r="A47" s="34" t="s">
        <v>327</v>
      </c>
      <c r="B47" s="52" t="s">
        <v>392</v>
      </c>
      <c r="C47" s="52" t="s">
        <v>329</v>
      </c>
      <c r="D47" s="31" t="s">
        <v>81</v>
      </c>
      <c r="E47" s="33" t="s">
        <v>232</v>
      </c>
      <c r="F47" s="32">
        <v>8918366</v>
      </c>
      <c r="G47" s="32">
        <v>8162090</v>
      </c>
      <c r="H47" s="32">
        <v>756276</v>
      </c>
      <c r="I47" s="32">
        <v>0</v>
      </c>
      <c r="J47" s="32">
        <v>756276</v>
      </c>
    </row>
    <row r="48" spans="1:10" s="37" customFormat="1" ht="12.75" x14ac:dyDescent="0.2">
      <c r="A48" s="34" t="s">
        <v>327</v>
      </c>
      <c r="B48" s="52" t="s">
        <v>381</v>
      </c>
      <c r="C48" s="52" t="s">
        <v>329</v>
      </c>
      <c r="D48" s="31" t="s">
        <v>70</v>
      </c>
      <c r="E48" s="33" t="s">
        <v>221</v>
      </c>
      <c r="F48" s="32">
        <v>1153237</v>
      </c>
      <c r="G48" s="32">
        <v>1055443</v>
      </c>
      <c r="H48" s="32">
        <v>97794</v>
      </c>
      <c r="I48" s="32">
        <v>0</v>
      </c>
      <c r="J48" s="32">
        <v>97794</v>
      </c>
    </row>
    <row r="49" spans="1:10" s="37" customFormat="1" ht="12.75" x14ac:dyDescent="0.2">
      <c r="A49" s="34" t="s">
        <v>327</v>
      </c>
      <c r="B49" s="52" t="s">
        <v>363</v>
      </c>
      <c r="C49" s="52" t="s">
        <v>329</v>
      </c>
      <c r="D49" s="31" t="s">
        <v>51</v>
      </c>
      <c r="E49" s="33" t="s">
        <v>202</v>
      </c>
      <c r="F49" s="32">
        <v>6150596</v>
      </c>
      <c r="G49" s="32">
        <v>5629027</v>
      </c>
      <c r="H49" s="32">
        <v>521569</v>
      </c>
      <c r="I49" s="32">
        <v>0</v>
      </c>
      <c r="J49" s="32">
        <v>521569</v>
      </c>
    </row>
    <row r="50" spans="1:10" s="37" customFormat="1" ht="25.5" x14ac:dyDescent="0.2">
      <c r="A50" s="34" t="s">
        <v>327</v>
      </c>
      <c r="B50" s="52" t="s">
        <v>442</v>
      </c>
      <c r="C50" s="52" t="s">
        <v>329</v>
      </c>
      <c r="D50" s="31" t="s">
        <v>167</v>
      </c>
      <c r="E50" s="33" t="s">
        <v>316</v>
      </c>
      <c r="F50" s="32">
        <v>3204720</v>
      </c>
      <c r="G50" s="32">
        <v>2879680</v>
      </c>
      <c r="H50" s="32">
        <v>325040</v>
      </c>
      <c r="I50" s="32">
        <v>1</v>
      </c>
      <c r="J50" s="32">
        <v>325039</v>
      </c>
    </row>
    <row r="51" spans="1:10" s="37" customFormat="1" ht="12.75" x14ac:dyDescent="0.2">
      <c r="A51" s="34" t="s">
        <v>327</v>
      </c>
      <c r="B51" s="52" t="s">
        <v>360</v>
      </c>
      <c r="C51" s="52" t="s">
        <v>329</v>
      </c>
      <c r="D51" s="31" t="s">
        <v>47</v>
      </c>
      <c r="E51" s="33" t="s">
        <v>198</v>
      </c>
      <c r="F51" s="32">
        <v>384413</v>
      </c>
      <c r="G51" s="32">
        <v>351815</v>
      </c>
      <c r="H51" s="32">
        <v>32598</v>
      </c>
      <c r="I51" s="32">
        <v>0</v>
      </c>
      <c r="J51" s="32">
        <v>32598</v>
      </c>
    </row>
    <row r="52" spans="1:10" s="37" customFormat="1" ht="38.25" x14ac:dyDescent="0.2">
      <c r="A52" s="34" t="s">
        <v>327</v>
      </c>
      <c r="B52" s="52" t="s">
        <v>360</v>
      </c>
      <c r="C52" s="52" t="s">
        <v>329</v>
      </c>
      <c r="D52" s="31" t="s">
        <v>106</v>
      </c>
      <c r="E52" s="33" t="s">
        <v>257</v>
      </c>
      <c r="F52" s="32">
        <v>600886</v>
      </c>
      <c r="G52" s="32">
        <v>539940</v>
      </c>
      <c r="H52" s="32">
        <v>60946</v>
      </c>
      <c r="I52" s="32">
        <v>1</v>
      </c>
      <c r="J52" s="32">
        <v>60945</v>
      </c>
    </row>
    <row r="53" spans="1:10" s="37" customFormat="1" ht="25.5" x14ac:dyDescent="0.2">
      <c r="A53" s="34" t="s">
        <v>327</v>
      </c>
      <c r="B53" s="52" t="s">
        <v>8</v>
      </c>
      <c r="C53" s="52" t="s">
        <v>329</v>
      </c>
      <c r="D53" s="31" t="s">
        <v>114</v>
      </c>
      <c r="E53" s="33" t="s">
        <v>265</v>
      </c>
      <c r="F53" s="32">
        <v>2804130</v>
      </c>
      <c r="G53" s="32">
        <v>2519721</v>
      </c>
      <c r="H53" s="32">
        <v>284409</v>
      </c>
      <c r="I53" s="32">
        <v>0</v>
      </c>
      <c r="J53" s="32">
        <v>284409</v>
      </c>
    </row>
    <row r="54" spans="1:10" s="37" customFormat="1" ht="25.5" x14ac:dyDescent="0.2">
      <c r="A54" s="34" t="s">
        <v>327</v>
      </c>
      <c r="B54" s="52" t="s">
        <v>8</v>
      </c>
      <c r="C54" s="52" t="s">
        <v>329</v>
      </c>
      <c r="D54" s="31" t="s">
        <v>132</v>
      </c>
      <c r="E54" s="33" t="s">
        <v>283</v>
      </c>
      <c r="F54" s="32">
        <v>3204720</v>
      </c>
      <c r="G54" s="32">
        <v>2845927.45</v>
      </c>
      <c r="H54" s="32">
        <v>358792.55</v>
      </c>
      <c r="I54" s="32">
        <v>33753.550000000003</v>
      </c>
      <c r="J54" s="32">
        <v>325039</v>
      </c>
    </row>
    <row r="55" spans="1:10" s="37" customFormat="1" ht="12.75" x14ac:dyDescent="0.2">
      <c r="A55" s="34" t="s">
        <v>327</v>
      </c>
      <c r="B55" s="52" t="s">
        <v>425</v>
      </c>
      <c r="C55" s="52" t="s">
        <v>329</v>
      </c>
      <c r="D55" s="31" t="s">
        <v>135</v>
      </c>
      <c r="E55" s="33" t="s">
        <v>286</v>
      </c>
      <c r="F55" s="32">
        <v>801180</v>
      </c>
      <c r="G55" s="32">
        <v>693348.03</v>
      </c>
      <c r="H55" s="32">
        <v>107831.97</v>
      </c>
      <c r="I55" s="32">
        <v>26572.97</v>
      </c>
      <c r="J55" s="32">
        <v>81259</v>
      </c>
    </row>
    <row r="56" spans="1:10" s="37" customFormat="1" ht="12.75" x14ac:dyDescent="0.2">
      <c r="A56" s="34" t="s">
        <v>327</v>
      </c>
      <c r="B56" s="52" t="s">
        <v>425</v>
      </c>
      <c r="C56" s="52" t="s">
        <v>329</v>
      </c>
      <c r="D56" s="31" t="s">
        <v>178</v>
      </c>
      <c r="E56" s="33" t="s">
        <v>286</v>
      </c>
      <c r="F56" s="32">
        <v>2002950</v>
      </c>
      <c r="G56" s="32">
        <v>1401973.1</v>
      </c>
      <c r="H56" s="32">
        <v>600976.9</v>
      </c>
      <c r="I56" s="32">
        <v>397638.9</v>
      </c>
      <c r="J56" s="32">
        <v>203338</v>
      </c>
    </row>
    <row r="57" spans="1:10" s="37" customFormat="1" ht="25.5" x14ac:dyDescent="0.2">
      <c r="A57" s="34" t="s">
        <v>327</v>
      </c>
      <c r="B57" s="52" t="s">
        <v>356</v>
      </c>
      <c r="C57" s="52" t="s">
        <v>329</v>
      </c>
      <c r="D57" s="31" t="s">
        <v>42</v>
      </c>
      <c r="E57" s="33" t="s">
        <v>193</v>
      </c>
      <c r="F57" s="32">
        <v>2408984</v>
      </c>
      <c r="G57" s="32">
        <v>2204702</v>
      </c>
      <c r="H57" s="32">
        <v>204282</v>
      </c>
      <c r="I57" s="32">
        <v>0</v>
      </c>
      <c r="J57" s="32">
        <v>204282</v>
      </c>
    </row>
    <row r="58" spans="1:10" s="37" customFormat="1" ht="25.5" x14ac:dyDescent="0.2">
      <c r="A58" s="34" t="s">
        <v>339</v>
      </c>
      <c r="B58" s="52" t="s">
        <v>362</v>
      </c>
      <c r="C58" s="52" t="s">
        <v>354</v>
      </c>
      <c r="D58" s="31" t="s">
        <v>49</v>
      </c>
      <c r="E58" s="33" t="s">
        <v>200</v>
      </c>
      <c r="F58" s="32">
        <v>384413</v>
      </c>
      <c r="G58" s="32">
        <v>351900</v>
      </c>
      <c r="H58" s="32">
        <v>32513</v>
      </c>
      <c r="I58" s="32">
        <v>0</v>
      </c>
      <c r="J58" s="32">
        <v>32513</v>
      </c>
    </row>
    <row r="59" spans="1:10" s="37" customFormat="1" ht="25.5" x14ac:dyDescent="0.2">
      <c r="A59" s="34" t="s">
        <v>339</v>
      </c>
      <c r="B59" s="52" t="s">
        <v>353</v>
      </c>
      <c r="C59" s="52" t="s">
        <v>354</v>
      </c>
      <c r="D59" s="31" t="s">
        <v>40</v>
      </c>
      <c r="E59" s="33" t="s">
        <v>191</v>
      </c>
      <c r="F59" s="32">
        <v>384413</v>
      </c>
      <c r="G59" s="32">
        <v>351815</v>
      </c>
      <c r="H59" s="32">
        <v>32598</v>
      </c>
      <c r="I59" s="32">
        <v>0</v>
      </c>
      <c r="J59" s="32">
        <v>32598</v>
      </c>
    </row>
    <row r="60" spans="1:10" s="37" customFormat="1" ht="12.75" x14ac:dyDescent="0.2">
      <c r="A60" s="34" t="s">
        <v>339</v>
      </c>
      <c r="B60" s="52" t="s">
        <v>353</v>
      </c>
      <c r="C60" s="52" t="s">
        <v>354</v>
      </c>
      <c r="D60" s="31" t="s">
        <v>44</v>
      </c>
      <c r="E60" s="33" t="s">
        <v>195</v>
      </c>
      <c r="F60" s="32">
        <v>384413</v>
      </c>
      <c r="G60" s="32">
        <v>351815</v>
      </c>
      <c r="H60" s="32">
        <v>32598</v>
      </c>
      <c r="I60" s="32">
        <v>0</v>
      </c>
      <c r="J60" s="32">
        <v>32598</v>
      </c>
    </row>
    <row r="61" spans="1:10" s="37" customFormat="1" ht="12.75" x14ac:dyDescent="0.2">
      <c r="A61" s="34" t="s">
        <v>339</v>
      </c>
      <c r="B61" s="52" t="s">
        <v>377</v>
      </c>
      <c r="C61" s="52" t="s">
        <v>341</v>
      </c>
      <c r="D61" s="31" t="s">
        <v>67</v>
      </c>
      <c r="E61" s="33" t="s">
        <v>218</v>
      </c>
      <c r="F61" s="32">
        <v>384413</v>
      </c>
      <c r="G61" s="32">
        <v>348192.39</v>
      </c>
      <c r="H61" s="32">
        <v>36220.61</v>
      </c>
      <c r="I61" s="32">
        <v>3621.61</v>
      </c>
      <c r="J61" s="32">
        <v>32599</v>
      </c>
    </row>
    <row r="62" spans="1:10" s="37" customFormat="1" ht="25.5" x14ac:dyDescent="0.2">
      <c r="A62" s="34" t="s">
        <v>339</v>
      </c>
      <c r="B62" s="52" t="s">
        <v>422</v>
      </c>
      <c r="C62" s="52" t="s">
        <v>341</v>
      </c>
      <c r="D62" s="31" t="s">
        <v>127</v>
      </c>
      <c r="E62" s="33" t="s">
        <v>278</v>
      </c>
      <c r="F62" s="32">
        <v>80118</v>
      </c>
      <c r="G62" s="32">
        <v>70714.240000000005</v>
      </c>
      <c r="H62" s="32">
        <v>9403.76</v>
      </c>
      <c r="I62" s="32">
        <v>1277.76</v>
      </c>
      <c r="J62" s="32">
        <v>8126</v>
      </c>
    </row>
    <row r="63" spans="1:10" s="37" customFormat="1" ht="25.5" x14ac:dyDescent="0.2">
      <c r="A63" s="34" t="s">
        <v>339</v>
      </c>
      <c r="B63" s="52" t="s">
        <v>402</v>
      </c>
      <c r="C63" s="52" t="s">
        <v>354</v>
      </c>
      <c r="D63" s="31" t="s">
        <v>92</v>
      </c>
      <c r="E63" s="33" t="s">
        <v>243</v>
      </c>
      <c r="F63" s="32">
        <v>240354</v>
      </c>
      <c r="G63" s="32">
        <v>215977</v>
      </c>
      <c r="H63" s="32">
        <v>24377</v>
      </c>
      <c r="I63" s="32">
        <v>0</v>
      </c>
      <c r="J63" s="32">
        <v>24377</v>
      </c>
    </row>
    <row r="64" spans="1:10" s="37" customFormat="1" ht="12.75" x14ac:dyDescent="0.2">
      <c r="A64" s="34" t="s">
        <v>339</v>
      </c>
      <c r="B64" s="52" t="s">
        <v>391</v>
      </c>
      <c r="C64" s="52" t="s">
        <v>354</v>
      </c>
      <c r="D64" s="31" t="s">
        <v>80</v>
      </c>
      <c r="E64" s="33" t="s">
        <v>231</v>
      </c>
      <c r="F64" s="32">
        <v>691941</v>
      </c>
      <c r="G64" s="32">
        <v>633265</v>
      </c>
      <c r="H64" s="32">
        <v>58676</v>
      </c>
      <c r="I64" s="32">
        <v>0</v>
      </c>
      <c r="J64" s="32">
        <v>58676</v>
      </c>
    </row>
    <row r="65" spans="1:10" s="37" customFormat="1" ht="25.5" x14ac:dyDescent="0.2">
      <c r="A65" s="34" t="s">
        <v>339</v>
      </c>
      <c r="B65" s="52" t="s">
        <v>359</v>
      </c>
      <c r="C65" s="52" t="s">
        <v>354</v>
      </c>
      <c r="D65" s="31" t="s">
        <v>46</v>
      </c>
      <c r="E65" s="33" t="s">
        <v>197</v>
      </c>
      <c r="F65" s="32">
        <v>845707</v>
      </c>
      <c r="G65" s="32">
        <v>772174.01</v>
      </c>
      <c r="H65" s="32">
        <v>73532.990000000005</v>
      </c>
      <c r="I65" s="32">
        <v>1816.99</v>
      </c>
      <c r="J65" s="32">
        <v>71716</v>
      </c>
    </row>
    <row r="66" spans="1:10" s="37" customFormat="1" ht="12.75" x14ac:dyDescent="0.2">
      <c r="A66" s="34" t="s">
        <v>339</v>
      </c>
      <c r="B66" s="52" t="s">
        <v>361</v>
      </c>
      <c r="C66" s="52" t="s">
        <v>341</v>
      </c>
      <c r="D66" s="31" t="s">
        <v>48</v>
      </c>
      <c r="E66" s="33" t="s">
        <v>199</v>
      </c>
      <c r="F66" s="32">
        <v>1153237</v>
      </c>
      <c r="G66" s="32">
        <v>1053633.1599999999</v>
      </c>
      <c r="H66" s="32">
        <v>99603.839999999997</v>
      </c>
      <c r="I66" s="32">
        <v>1809.84</v>
      </c>
      <c r="J66" s="32">
        <v>97794</v>
      </c>
    </row>
    <row r="67" spans="1:10" s="37" customFormat="1" ht="12.75" x14ac:dyDescent="0.2">
      <c r="A67" s="34" t="s">
        <v>339</v>
      </c>
      <c r="B67" s="52" t="s">
        <v>361</v>
      </c>
      <c r="C67" s="52" t="s">
        <v>341</v>
      </c>
      <c r="D67" s="31" t="s">
        <v>84</v>
      </c>
      <c r="E67" s="33" t="s">
        <v>235</v>
      </c>
      <c r="F67" s="32">
        <v>354214</v>
      </c>
      <c r="G67" s="32">
        <v>325865.81</v>
      </c>
      <c r="H67" s="32">
        <v>28348.19</v>
      </c>
      <c r="I67" s="32">
        <v>28348.19</v>
      </c>
      <c r="J67" s="32">
        <v>0</v>
      </c>
    </row>
    <row r="68" spans="1:10" s="37" customFormat="1" ht="25.5" x14ac:dyDescent="0.2">
      <c r="A68" s="34" t="s">
        <v>339</v>
      </c>
      <c r="B68" s="52" t="s">
        <v>361</v>
      </c>
      <c r="C68" s="52" t="s">
        <v>341</v>
      </c>
      <c r="D68" s="31" t="s">
        <v>87</v>
      </c>
      <c r="E68" s="33" t="s">
        <v>238</v>
      </c>
      <c r="F68" s="32">
        <v>4005900</v>
      </c>
      <c r="G68" s="32">
        <v>3480574.75</v>
      </c>
      <c r="H68" s="32">
        <v>525325.25</v>
      </c>
      <c r="I68" s="32">
        <v>119026.25</v>
      </c>
      <c r="J68" s="32">
        <v>406299</v>
      </c>
    </row>
    <row r="69" spans="1:10" s="37" customFormat="1" ht="38.25" x14ac:dyDescent="0.2">
      <c r="A69" s="34" t="s">
        <v>339</v>
      </c>
      <c r="B69" s="52" t="s">
        <v>349</v>
      </c>
      <c r="C69" s="52" t="s">
        <v>341</v>
      </c>
      <c r="D69" s="31" t="s">
        <v>15</v>
      </c>
      <c r="E69" s="33" t="s">
        <v>14</v>
      </c>
      <c r="F69" s="32">
        <v>1153237</v>
      </c>
      <c r="G69" s="32">
        <v>1048847.53</v>
      </c>
      <c r="H69" s="32">
        <v>104389.47</v>
      </c>
      <c r="I69" s="32">
        <v>6595.47</v>
      </c>
      <c r="J69" s="32">
        <v>97794</v>
      </c>
    </row>
    <row r="70" spans="1:10" s="37" customFormat="1" ht="12.75" x14ac:dyDescent="0.2">
      <c r="A70" s="34" t="s">
        <v>339</v>
      </c>
      <c r="B70" s="52" t="s">
        <v>340</v>
      </c>
      <c r="C70" s="52" t="s">
        <v>341</v>
      </c>
      <c r="D70" s="31" t="s">
        <v>31</v>
      </c>
      <c r="E70" s="33" t="s">
        <v>182</v>
      </c>
      <c r="F70" s="32">
        <v>393638</v>
      </c>
      <c r="G70" s="32">
        <v>360257.53</v>
      </c>
      <c r="H70" s="32">
        <v>33380.47</v>
      </c>
      <c r="I70" s="32">
        <v>47</v>
      </c>
      <c r="J70" s="32">
        <v>33333.47</v>
      </c>
    </row>
    <row r="71" spans="1:10" s="37" customFormat="1" ht="12.75" x14ac:dyDescent="0.2">
      <c r="A71" s="34" t="s">
        <v>384</v>
      </c>
      <c r="B71" s="52" t="s">
        <v>385</v>
      </c>
      <c r="C71" s="52" t="s">
        <v>386</v>
      </c>
      <c r="D71" s="31" t="s">
        <v>74</v>
      </c>
      <c r="E71" s="33" t="s">
        <v>225</v>
      </c>
      <c r="F71" s="32">
        <v>16145316</v>
      </c>
      <c r="G71" s="32">
        <v>14516860.220000001</v>
      </c>
      <c r="H71" s="32">
        <v>1628455.78</v>
      </c>
      <c r="I71" s="32">
        <v>259334.78</v>
      </c>
      <c r="J71" s="32">
        <v>1368121</v>
      </c>
    </row>
    <row r="72" spans="1:10" s="37" customFormat="1" ht="12.75" x14ac:dyDescent="0.2">
      <c r="A72" s="34" t="s">
        <v>384</v>
      </c>
      <c r="B72" s="52" t="s">
        <v>357</v>
      </c>
      <c r="C72" s="52"/>
      <c r="D72" s="31" t="s">
        <v>125</v>
      </c>
      <c r="E72" s="33" t="s">
        <v>276</v>
      </c>
      <c r="F72" s="32">
        <v>2403540</v>
      </c>
      <c r="G72" s="32">
        <v>2159760</v>
      </c>
      <c r="H72" s="32">
        <v>243780</v>
      </c>
      <c r="I72" s="32">
        <v>0</v>
      </c>
      <c r="J72" s="32">
        <v>243780</v>
      </c>
    </row>
    <row r="73" spans="1:10" s="37" customFormat="1" ht="25.5" x14ac:dyDescent="0.2">
      <c r="A73" s="34" t="s">
        <v>384</v>
      </c>
      <c r="B73" s="52" t="s">
        <v>400</v>
      </c>
      <c r="C73" s="52" t="s">
        <v>401</v>
      </c>
      <c r="D73" s="31" t="s">
        <v>91</v>
      </c>
      <c r="E73" s="33" t="s">
        <v>242</v>
      </c>
      <c r="F73" s="32">
        <v>240354</v>
      </c>
      <c r="G73" s="32">
        <v>215977</v>
      </c>
      <c r="H73" s="32">
        <v>24377</v>
      </c>
      <c r="I73" s="32">
        <v>0</v>
      </c>
      <c r="J73" s="32">
        <v>24377</v>
      </c>
    </row>
    <row r="74" spans="1:10" s="37" customFormat="1" ht="12.75" x14ac:dyDescent="0.2">
      <c r="A74" s="34" t="s">
        <v>384</v>
      </c>
      <c r="B74" s="52" t="s">
        <v>448</v>
      </c>
      <c r="C74" s="52" t="s">
        <v>401</v>
      </c>
      <c r="D74" s="31" t="s">
        <v>3</v>
      </c>
      <c r="E74" s="33" t="s">
        <v>326</v>
      </c>
      <c r="F74" s="32">
        <v>1057491</v>
      </c>
      <c r="G74" s="32">
        <v>1007763.09</v>
      </c>
      <c r="H74" s="32">
        <v>49727.91</v>
      </c>
      <c r="I74" s="32">
        <v>49727.91</v>
      </c>
      <c r="J74" s="32">
        <v>0</v>
      </c>
    </row>
    <row r="75" spans="1:10" s="37" customFormat="1" ht="12.75" x14ac:dyDescent="0.2">
      <c r="A75" s="34" t="s">
        <v>384</v>
      </c>
      <c r="B75" s="52" t="s">
        <v>451</v>
      </c>
      <c r="C75" s="52"/>
      <c r="D75" s="31" t="s">
        <v>129</v>
      </c>
      <c r="E75" s="33" t="s">
        <v>280</v>
      </c>
      <c r="F75" s="32">
        <v>2403540</v>
      </c>
      <c r="G75" s="32">
        <v>2159750</v>
      </c>
      <c r="H75" s="32">
        <v>243790</v>
      </c>
      <c r="I75" s="32">
        <v>10</v>
      </c>
      <c r="J75" s="32">
        <v>243780</v>
      </c>
    </row>
    <row r="76" spans="1:10" s="37" customFormat="1" ht="12.75" x14ac:dyDescent="0.2">
      <c r="A76" s="34" t="s">
        <v>384</v>
      </c>
      <c r="B76" s="52" t="s">
        <v>7</v>
      </c>
      <c r="C76" s="52" t="s">
        <v>416</v>
      </c>
      <c r="D76" s="31" t="s">
        <v>110</v>
      </c>
      <c r="E76" s="33" t="s">
        <v>261</v>
      </c>
      <c r="F76" s="32">
        <v>1201770</v>
      </c>
      <c r="G76" s="32">
        <v>1079880</v>
      </c>
      <c r="H76" s="32">
        <v>121890</v>
      </c>
      <c r="I76" s="32">
        <v>0</v>
      </c>
      <c r="J76" s="32">
        <v>121890</v>
      </c>
    </row>
    <row r="77" spans="1:10" s="37" customFormat="1" ht="12.75" x14ac:dyDescent="0.2">
      <c r="A77" s="34" t="s">
        <v>384</v>
      </c>
      <c r="B77" s="52" t="s">
        <v>429</v>
      </c>
      <c r="C77" s="52" t="s">
        <v>416</v>
      </c>
      <c r="D77" s="31" t="s">
        <v>144</v>
      </c>
      <c r="E77" s="33" t="s">
        <v>295</v>
      </c>
      <c r="F77" s="32">
        <v>1602360</v>
      </c>
      <c r="G77" s="32">
        <v>1439839</v>
      </c>
      <c r="H77" s="32">
        <v>162521</v>
      </c>
      <c r="I77" s="32">
        <v>1</v>
      </c>
      <c r="J77" s="32">
        <v>162520</v>
      </c>
    </row>
    <row r="78" spans="1:10" s="37" customFormat="1" ht="12.75" x14ac:dyDescent="0.2">
      <c r="A78" s="34" t="s">
        <v>330</v>
      </c>
      <c r="B78" s="52" t="s">
        <v>373</v>
      </c>
      <c r="C78" s="52" t="s">
        <v>332</v>
      </c>
      <c r="D78" s="30" t="s">
        <v>62</v>
      </c>
      <c r="E78" s="33" t="s">
        <v>213</v>
      </c>
      <c r="F78" s="32">
        <v>666314</v>
      </c>
      <c r="G78" s="32">
        <v>609811</v>
      </c>
      <c r="H78" s="32">
        <v>56503</v>
      </c>
      <c r="I78" s="32">
        <v>0</v>
      </c>
      <c r="J78" s="32">
        <v>56503</v>
      </c>
    </row>
    <row r="79" spans="1:10" s="37" customFormat="1" ht="25.5" x14ac:dyDescent="0.2">
      <c r="A79" s="34" t="s">
        <v>330</v>
      </c>
      <c r="B79" s="52" t="s">
        <v>373</v>
      </c>
      <c r="C79" s="52" t="s">
        <v>332</v>
      </c>
      <c r="D79" s="31" t="s">
        <v>158</v>
      </c>
      <c r="E79" s="33" t="s">
        <v>307</v>
      </c>
      <c r="F79" s="32">
        <v>4005900</v>
      </c>
      <c r="G79" s="32">
        <v>3599600</v>
      </c>
      <c r="H79" s="32">
        <v>406300</v>
      </c>
      <c r="I79" s="32">
        <v>1</v>
      </c>
      <c r="J79" s="32">
        <v>406299</v>
      </c>
    </row>
    <row r="80" spans="1:10" s="37" customFormat="1" ht="25.5" x14ac:dyDescent="0.2">
      <c r="A80" s="34" t="s">
        <v>330</v>
      </c>
      <c r="B80" s="52" t="s">
        <v>365</v>
      </c>
      <c r="C80" s="52" t="s">
        <v>332</v>
      </c>
      <c r="D80" s="31" t="s">
        <v>156</v>
      </c>
      <c r="E80" s="33" t="s">
        <v>305</v>
      </c>
      <c r="F80" s="32">
        <v>1602360</v>
      </c>
      <c r="G80" s="32">
        <v>1439839.05</v>
      </c>
      <c r="H80" s="32">
        <v>162520.95000000001</v>
      </c>
      <c r="I80" s="32">
        <v>0.95</v>
      </c>
      <c r="J80" s="32">
        <v>162520</v>
      </c>
    </row>
    <row r="81" spans="1:10" s="37" customFormat="1" ht="12.75" x14ac:dyDescent="0.2">
      <c r="A81" s="34" t="s">
        <v>330</v>
      </c>
      <c r="B81" s="52" t="s">
        <v>365</v>
      </c>
      <c r="C81" s="52" t="s">
        <v>332</v>
      </c>
      <c r="D81" s="31" t="s">
        <v>53</v>
      </c>
      <c r="E81" s="33" t="s">
        <v>204</v>
      </c>
      <c r="F81" s="32">
        <v>2498680</v>
      </c>
      <c r="G81" s="32">
        <v>2286191.87</v>
      </c>
      <c r="H81" s="32">
        <v>212488.13</v>
      </c>
      <c r="I81" s="32">
        <v>600.13</v>
      </c>
      <c r="J81" s="32">
        <v>211888</v>
      </c>
    </row>
    <row r="82" spans="1:10" s="37" customFormat="1" ht="25.5" x14ac:dyDescent="0.2">
      <c r="A82" s="34" t="s">
        <v>330</v>
      </c>
      <c r="B82" s="52" t="s">
        <v>414</v>
      </c>
      <c r="C82" s="52" t="s">
        <v>332</v>
      </c>
      <c r="D82" s="31" t="s">
        <v>108</v>
      </c>
      <c r="E82" s="33" t="s">
        <v>259</v>
      </c>
      <c r="F82" s="32">
        <v>801180</v>
      </c>
      <c r="G82" s="32">
        <v>719921</v>
      </c>
      <c r="H82" s="32">
        <v>81259</v>
      </c>
      <c r="I82" s="32">
        <v>0</v>
      </c>
      <c r="J82" s="32">
        <v>81259</v>
      </c>
    </row>
    <row r="83" spans="1:10" s="37" customFormat="1" ht="12.75" x14ac:dyDescent="0.2">
      <c r="A83" s="34" t="s">
        <v>330</v>
      </c>
      <c r="B83" s="52" t="s">
        <v>343</v>
      </c>
      <c r="C83" s="52" t="s">
        <v>332</v>
      </c>
      <c r="D83" s="31" t="s">
        <v>33</v>
      </c>
      <c r="E83" s="33" t="s">
        <v>184</v>
      </c>
      <c r="F83" s="32">
        <v>768825</v>
      </c>
      <c r="G83" s="32">
        <v>703627.98</v>
      </c>
      <c r="H83" s="32">
        <v>65197.02</v>
      </c>
      <c r="I83" s="32">
        <v>0</v>
      </c>
      <c r="J83" s="32">
        <v>65197.02</v>
      </c>
    </row>
    <row r="84" spans="1:10" s="37" customFormat="1" ht="25.5" x14ac:dyDescent="0.2">
      <c r="A84" s="34" t="s">
        <v>330</v>
      </c>
      <c r="B84" s="52" t="s">
        <v>358</v>
      </c>
      <c r="C84" s="52" t="s">
        <v>332</v>
      </c>
      <c r="D84" s="31" t="s">
        <v>45</v>
      </c>
      <c r="E84" s="33" t="s">
        <v>196</v>
      </c>
      <c r="F84" s="32">
        <v>19989439</v>
      </c>
      <c r="G84" s="32">
        <v>18294336.66</v>
      </c>
      <c r="H84" s="32">
        <v>1695102.34</v>
      </c>
      <c r="I84" s="32">
        <v>0.34</v>
      </c>
      <c r="J84" s="32">
        <v>1695102</v>
      </c>
    </row>
    <row r="85" spans="1:10" s="37" customFormat="1" ht="12.75" x14ac:dyDescent="0.2">
      <c r="A85" s="34" t="s">
        <v>330</v>
      </c>
      <c r="B85" s="52" t="s">
        <v>382</v>
      </c>
      <c r="C85" s="52" t="s">
        <v>332</v>
      </c>
      <c r="D85" s="31" t="s">
        <v>71</v>
      </c>
      <c r="E85" s="33" t="s">
        <v>222</v>
      </c>
      <c r="F85" s="32">
        <v>5125498</v>
      </c>
      <c r="G85" s="32">
        <v>4690856</v>
      </c>
      <c r="H85" s="32">
        <v>434642</v>
      </c>
      <c r="I85" s="32">
        <v>0</v>
      </c>
      <c r="J85" s="32">
        <v>434642</v>
      </c>
    </row>
    <row r="86" spans="1:10" s="37" customFormat="1" ht="12.75" x14ac:dyDescent="0.2">
      <c r="A86" s="34" t="s">
        <v>330</v>
      </c>
      <c r="B86" s="52" t="s">
        <v>382</v>
      </c>
      <c r="C86" s="52" t="s">
        <v>332</v>
      </c>
      <c r="D86" s="31" t="s">
        <v>134</v>
      </c>
      <c r="E86" s="33" t="s">
        <v>285</v>
      </c>
      <c r="F86" s="32">
        <v>4807080</v>
      </c>
      <c r="G86" s="32">
        <v>4184812.71</v>
      </c>
      <c r="H86" s="32">
        <v>622267.29</v>
      </c>
      <c r="I86" s="32">
        <v>134707.29</v>
      </c>
      <c r="J86" s="32">
        <v>487560</v>
      </c>
    </row>
    <row r="87" spans="1:10" s="37" customFormat="1" ht="38.25" x14ac:dyDescent="0.2">
      <c r="A87" s="34" t="s">
        <v>330</v>
      </c>
      <c r="B87" s="52" t="s">
        <v>395</v>
      </c>
      <c r="C87" s="52" t="s">
        <v>332</v>
      </c>
      <c r="D87" s="31" t="s">
        <v>85</v>
      </c>
      <c r="E87" s="33" t="s">
        <v>236</v>
      </c>
      <c r="F87" s="32">
        <v>400590</v>
      </c>
      <c r="G87" s="32">
        <v>359960</v>
      </c>
      <c r="H87" s="32">
        <v>40630</v>
      </c>
      <c r="I87" s="32">
        <v>0</v>
      </c>
      <c r="J87" s="32">
        <v>40630</v>
      </c>
    </row>
    <row r="88" spans="1:10" s="37" customFormat="1" ht="25.5" x14ac:dyDescent="0.2">
      <c r="A88" s="34" t="s">
        <v>330</v>
      </c>
      <c r="B88" s="52" t="s">
        <v>395</v>
      </c>
      <c r="C88" s="52" t="s">
        <v>332</v>
      </c>
      <c r="D88" s="31" t="s">
        <v>154</v>
      </c>
      <c r="E88" s="33" t="s">
        <v>303</v>
      </c>
      <c r="F88" s="32">
        <v>172254</v>
      </c>
      <c r="G88" s="32">
        <v>154750.85</v>
      </c>
      <c r="H88" s="32">
        <v>17503.150000000001</v>
      </c>
      <c r="I88" s="32">
        <v>31.15</v>
      </c>
      <c r="J88" s="32">
        <v>17472</v>
      </c>
    </row>
    <row r="89" spans="1:10" s="37" customFormat="1" ht="12.75" x14ac:dyDescent="0.2">
      <c r="A89" s="34" t="s">
        <v>330</v>
      </c>
      <c r="B89" s="52" t="s">
        <v>427</v>
      </c>
      <c r="C89" s="52" t="s">
        <v>332</v>
      </c>
      <c r="D89" s="31" t="s">
        <v>140</v>
      </c>
      <c r="E89" s="33" t="s">
        <v>291</v>
      </c>
      <c r="F89" s="32">
        <v>25637.8</v>
      </c>
      <c r="G89" s="32">
        <v>23037</v>
      </c>
      <c r="H89" s="32">
        <v>2600.8000000000002</v>
      </c>
      <c r="I89" s="32">
        <v>0</v>
      </c>
      <c r="J89" s="32">
        <v>2600.8000000000002</v>
      </c>
    </row>
    <row r="90" spans="1:10" s="37" customFormat="1" ht="12.75" x14ac:dyDescent="0.2">
      <c r="A90" s="34" t="s">
        <v>330</v>
      </c>
      <c r="B90" s="52" t="s">
        <v>437</v>
      </c>
      <c r="C90" s="52" t="s">
        <v>332</v>
      </c>
      <c r="D90" s="31" t="s">
        <v>155</v>
      </c>
      <c r="E90" s="33" t="s">
        <v>304</v>
      </c>
      <c r="F90" s="32">
        <v>1281888</v>
      </c>
      <c r="G90" s="32">
        <v>1151652</v>
      </c>
      <c r="H90" s="32">
        <v>130236</v>
      </c>
      <c r="I90" s="32">
        <v>220</v>
      </c>
      <c r="J90" s="32">
        <v>130016</v>
      </c>
    </row>
    <row r="91" spans="1:10" s="37" customFormat="1" ht="25.5" x14ac:dyDescent="0.2">
      <c r="A91" s="34" t="s">
        <v>330</v>
      </c>
      <c r="B91" s="52" t="s">
        <v>426</v>
      </c>
      <c r="C91" s="52" t="s">
        <v>332</v>
      </c>
      <c r="D91" s="31" t="s">
        <v>138</v>
      </c>
      <c r="E91" s="33" t="s">
        <v>289</v>
      </c>
      <c r="F91" s="32">
        <v>801180</v>
      </c>
      <c r="G91" s="32">
        <v>719920</v>
      </c>
      <c r="H91" s="32">
        <v>81260</v>
      </c>
      <c r="I91" s="32">
        <v>1</v>
      </c>
      <c r="J91" s="32">
        <v>81259</v>
      </c>
    </row>
    <row r="92" spans="1:10" s="37" customFormat="1" ht="25.5" x14ac:dyDescent="0.2">
      <c r="A92" s="34" t="s">
        <v>330</v>
      </c>
      <c r="B92" s="52" t="s">
        <v>405</v>
      </c>
      <c r="C92" s="52" t="s">
        <v>332</v>
      </c>
      <c r="D92" s="31" t="s">
        <v>96</v>
      </c>
      <c r="E92" s="33" t="s">
        <v>247</v>
      </c>
      <c r="F92" s="32">
        <v>560826</v>
      </c>
      <c r="G92" s="32">
        <v>503944</v>
      </c>
      <c r="H92" s="32">
        <v>56882</v>
      </c>
      <c r="I92" s="32">
        <v>0</v>
      </c>
      <c r="J92" s="32">
        <v>56882</v>
      </c>
    </row>
    <row r="93" spans="1:10" s="37" customFormat="1" ht="12.75" x14ac:dyDescent="0.2">
      <c r="A93" s="34" t="s">
        <v>330</v>
      </c>
      <c r="B93" s="52" t="s">
        <v>399</v>
      </c>
      <c r="C93" s="52" t="s">
        <v>332</v>
      </c>
      <c r="D93" s="31" t="s">
        <v>90</v>
      </c>
      <c r="E93" s="33" t="s">
        <v>241</v>
      </c>
      <c r="F93" s="32">
        <v>3204720</v>
      </c>
      <c r="G93" s="32">
        <v>2879680</v>
      </c>
      <c r="H93" s="32">
        <v>325040</v>
      </c>
      <c r="I93" s="32">
        <v>1</v>
      </c>
      <c r="J93" s="32">
        <v>325039</v>
      </c>
    </row>
    <row r="94" spans="1:10" s="37" customFormat="1" ht="25.5" x14ac:dyDescent="0.2">
      <c r="A94" s="34" t="s">
        <v>330</v>
      </c>
      <c r="B94" s="52" t="s">
        <v>331</v>
      </c>
      <c r="C94" s="52" t="s">
        <v>332</v>
      </c>
      <c r="D94" s="31" t="s">
        <v>104</v>
      </c>
      <c r="E94" s="33" t="s">
        <v>255</v>
      </c>
      <c r="F94" s="32">
        <v>2002950</v>
      </c>
      <c r="G94" s="32">
        <v>1799800</v>
      </c>
      <c r="H94" s="32">
        <v>203150</v>
      </c>
      <c r="I94" s="32">
        <v>0</v>
      </c>
      <c r="J94" s="32">
        <v>203150</v>
      </c>
    </row>
    <row r="95" spans="1:10" s="37" customFormat="1" ht="38.25" x14ac:dyDescent="0.2">
      <c r="A95" s="34" t="s">
        <v>330</v>
      </c>
      <c r="B95" s="52" t="s">
        <v>433</v>
      </c>
      <c r="C95" s="52" t="s">
        <v>332</v>
      </c>
      <c r="D95" s="31" t="s">
        <v>6</v>
      </c>
      <c r="E95" s="33" t="s">
        <v>5</v>
      </c>
      <c r="F95" s="32">
        <v>120177</v>
      </c>
      <c r="G95" s="32">
        <v>90136</v>
      </c>
      <c r="H95" s="32">
        <v>30041</v>
      </c>
      <c r="I95" s="32">
        <v>17851</v>
      </c>
      <c r="J95" s="32">
        <v>12190</v>
      </c>
    </row>
    <row r="96" spans="1:10" s="37" customFormat="1" ht="25.5" x14ac:dyDescent="0.2">
      <c r="A96" s="34" t="s">
        <v>330</v>
      </c>
      <c r="B96" s="52" t="s">
        <v>348</v>
      </c>
      <c r="C96" s="52" t="s">
        <v>332</v>
      </c>
      <c r="D96" s="31" t="s">
        <v>38</v>
      </c>
      <c r="E96" s="33" t="s">
        <v>189</v>
      </c>
      <c r="F96" s="32">
        <v>384413</v>
      </c>
      <c r="G96" s="32">
        <v>376835.1</v>
      </c>
      <c r="H96" s="32">
        <v>7577.9</v>
      </c>
      <c r="I96" s="32">
        <v>0</v>
      </c>
      <c r="J96" s="32">
        <v>7577.9</v>
      </c>
    </row>
    <row r="97" spans="1:10" s="2" customFormat="1" x14ac:dyDescent="0.25">
      <c r="A97" s="34" t="s">
        <v>330</v>
      </c>
      <c r="B97" s="52" t="s">
        <v>348</v>
      </c>
      <c r="C97" s="52" t="s">
        <v>332</v>
      </c>
      <c r="D97" s="31" t="s">
        <v>113</v>
      </c>
      <c r="E97" s="33" t="s">
        <v>264</v>
      </c>
      <c r="F97" s="32">
        <v>400590</v>
      </c>
      <c r="G97" s="32">
        <v>359960</v>
      </c>
      <c r="H97" s="32">
        <v>40630</v>
      </c>
      <c r="I97" s="32">
        <v>0</v>
      </c>
      <c r="J97" s="32">
        <v>40630</v>
      </c>
    </row>
    <row r="98" spans="1:10" s="2" customFormat="1" ht="26.25" x14ac:dyDescent="0.25">
      <c r="A98" s="34" t="s">
        <v>330</v>
      </c>
      <c r="B98" s="52" t="s">
        <v>348</v>
      </c>
      <c r="C98" s="52" t="s">
        <v>332</v>
      </c>
      <c r="D98" s="31" t="s">
        <v>120</v>
      </c>
      <c r="E98" s="33" t="s">
        <v>271</v>
      </c>
      <c r="F98" s="32">
        <v>961416</v>
      </c>
      <c r="G98" s="32">
        <v>863904</v>
      </c>
      <c r="H98" s="32">
        <v>97512</v>
      </c>
      <c r="I98" s="32">
        <v>0</v>
      </c>
      <c r="J98" s="32">
        <v>97512</v>
      </c>
    </row>
    <row r="99" spans="1:10" s="2" customFormat="1" ht="26.25" x14ac:dyDescent="0.25">
      <c r="A99" s="34" t="s">
        <v>330</v>
      </c>
      <c r="B99" s="52" t="s">
        <v>348</v>
      </c>
      <c r="C99" s="52" t="s">
        <v>332</v>
      </c>
      <c r="D99" s="31" t="s">
        <v>143</v>
      </c>
      <c r="E99" s="33" t="s">
        <v>294</v>
      </c>
      <c r="F99" s="32">
        <v>1602360</v>
      </c>
      <c r="G99" s="32">
        <v>1439839.97</v>
      </c>
      <c r="H99" s="32">
        <v>162520.03</v>
      </c>
      <c r="I99" s="32">
        <v>0.03</v>
      </c>
      <c r="J99" s="32">
        <v>162520</v>
      </c>
    </row>
    <row r="100" spans="1:10" s="2" customFormat="1" ht="26.25" x14ac:dyDescent="0.25">
      <c r="A100" s="34" t="s">
        <v>330</v>
      </c>
      <c r="B100" s="52" t="s">
        <v>348</v>
      </c>
      <c r="C100" s="52" t="s">
        <v>332</v>
      </c>
      <c r="D100" s="31" t="s">
        <v>95</v>
      </c>
      <c r="E100" s="33" t="s">
        <v>246</v>
      </c>
      <c r="F100" s="32">
        <v>1842714</v>
      </c>
      <c r="G100" s="32">
        <v>1655816</v>
      </c>
      <c r="H100" s="32">
        <v>186898</v>
      </c>
      <c r="I100" s="32">
        <v>1</v>
      </c>
      <c r="J100" s="32">
        <v>186897</v>
      </c>
    </row>
    <row r="101" spans="1:10" s="36" customFormat="1" ht="25.5" x14ac:dyDescent="0.2">
      <c r="A101" s="34" t="s">
        <v>330</v>
      </c>
      <c r="B101" s="52" t="s">
        <v>4</v>
      </c>
      <c r="C101" s="52" t="s">
        <v>332</v>
      </c>
      <c r="D101" s="31" t="s">
        <v>137</v>
      </c>
      <c r="E101" s="33" t="s">
        <v>288</v>
      </c>
      <c r="F101" s="32">
        <v>1081593</v>
      </c>
      <c r="G101" s="32">
        <v>971892</v>
      </c>
      <c r="H101" s="32">
        <v>109701</v>
      </c>
      <c r="I101" s="32">
        <v>0</v>
      </c>
      <c r="J101" s="32">
        <v>109701</v>
      </c>
    </row>
    <row r="102" spans="1:10" s="2" customFormat="1" ht="26.25" x14ac:dyDescent="0.25">
      <c r="A102" s="34" t="s">
        <v>330</v>
      </c>
      <c r="B102" s="52" t="s">
        <v>4</v>
      </c>
      <c r="C102" s="52" t="s">
        <v>332</v>
      </c>
      <c r="D102" s="31" t="s">
        <v>139</v>
      </c>
      <c r="E102" s="33" t="s">
        <v>290</v>
      </c>
      <c r="F102" s="32">
        <v>2403540</v>
      </c>
      <c r="G102" s="32">
        <v>2159760</v>
      </c>
      <c r="H102" s="32">
        <v>243780</v>
      </c>
      <c r="I102" s="32">
        <v>0</v>
      </c>
      <c r="J102" s="32">
        <v>243780</v>
      </c>
    </row>
    <row r="103" spans="1:10" s="2" customFormat="1" x14ac:dyDescent="0.25">
      <c r="A103" s="34" t="s">
        <v>330</v>
      </c>
      <c r="B103" s="52" t="s">
        <v>4</v>
      </c>
      <c r="C103" s="52" t="s">
        <v>332</v>
      </c>
      <c r="D103" s="31" t="s">
        <v>50</v>
      </c>
      <c r="E103" s="33" t="s">
        <v>201</v>
      </c>
      <c r="F103" s="32">
        <v>6765657</v>
      </c>
      <c r="G103" s="32">
        <v>6191925.5899999999</v>
      </c>
      <c r="H103" s="32">
        <v>573731.41</v>
      </c>
      <c r="I103" s="32">
        <v>4.41</v>
      </c>
      <c r="J103" s="32">
        <v>573727</v>
      </c>
    </row>
    <row r="104" spans="1:10" s="2" customFormat="1" ht="26.25" x14ac:dyDescent="0.25">
      <c r="A104" s="34" t="s">
        <v>330</v>
      </c>
      <c r="B104" s="52" t="s">
        <v>428</v>
      </c>
      <c r="C104" s="52" t="s">
        <v>332</v>
      </c>
      <c r="D104" s="31" t="s">
        <v>141</v>
      </c>
      <c r="E104" s="33" t="s">
        <v>292</v>
      </c>
      <c r="F104" s="32">
        <v>400590</v>
      </c>
      <c r="G104" s="32">
        <v>359960</v>
      </c>
      <c r="H104" s="32">
        <v>40630</v>
      </c>
      <c r="I104" s="32">
        <v>0</v>
      </c>
      <c r="J104" s="32">
        <v>40630</v>
      </c>
    </row>
    <row r="105" spans="1:10" s="20" customFormat="1" x14ac:dyDescent="0.2">
      <c r="A105" s="34" t="s">
        <v>330</v>
      </c>
      <c r="B105" s="52" t="s">
        <v>450</v>
      </c>
      <c r="C105" s="52" t="s">
        <v>332</v>
      </c>
      <c r="D105" s="31" t="s">
        <v>69</v>
      </c>
      <c r="E105" s="33" t="s">
        <v>220</v>
      </c>
      <c r="F105" s="32">
        <v>10763545</v>
      </c>
      <c r="G105" s="32">
        <v>9850798</v>
      </c>
      <c r="H105" s="32">
        <v>912747</v>
      </c>
      <c r="I105" s="32">
        <v>0</v>
      </c>
      <c r="J105" s="32">
        <v>912747</v>
      </c>
    </row>
    <row r="106" spans="1:10" ht="39" x14ac:dyDescent="0.25">
      <c r="A106" s="34" t="s">
        <v>330</v>
      </c>
      <c r="B106" s="52" t="s">
        <v>431</v>
      </c>
      <c r="C106" s="52" t="s">
        <v>332</v>
      </c>
      <c r="D106" s="31" t="s">
        <v>146</v>
      </c>
      <c r="E106" s="33" t="s">
        <v>297</v>
      </c>
      <c r="F106" s="32">
        <v>3765546</v>
      </c>
      <c r="G106" s="32">
        <v>3383624</v>
      </c>
      <c r="H106" s="32">
        <v>381922</v>
      </c>
      <c r="I106" s="32">
        <v>0</v>
      </c>
      <c r="J106" s="32">
        <v>381922</v>
      </c>
    </row>
    <row r="107" spans="1:10" x14ac:dyDescent="0.25">
      <c r="A107" s="34" t="s">
        <v>330</v>
      </c>
      <c r="B107" s="52" t="s">
        <v>387</v>
      </c>
      <c r="C107" s="52" t="s">
        <v>332</v>
      </c>
      <c r="D107" s="31" t="s">
        <v>75</v>
      </c>
      <c r="E107" s="33" t="s">
        <v>226</v>
      </c>
      <c r="F107" s="32">
        <v>345971</v>
      </c>
      <c r="G107" s="32">
        <v>316633</v>
      </c>
      <c r="H107" s="32">
        <v>29338</v>
      </c>
      <c r="I107" s="32">
        <v>0</v>
      </c>
      <c r="J107" s="32">
        <v>29338</v>
      </c>
    </row>
    <row r="108" spans="1:10" ht="26.25" x14ac:dyDescent="0.25">
      <c r="A108" s="34" t="s">
        <v>330</v>
      </c>
      <c r="B108" s="52" t="s">
        <v>438</v>
      </c>
      <c r="C108" s="52" t="s">
        <v>332</v>
      </c>
      <c r="D108" s="31" t="s">
        <v>159</v>
      </c>
      <c r="E108" s="33" t="s">
        <v>308</v>
      </c>
      <c r="F108" s="32">
        <v>320472</v>
      </c>
      <c r="G108" s="32">
        <v>287968</v>
      </c>
      <c r="H108" s="32">
        <v>32504</v>
      </c>
      <c r="I108" s="32">
        <v>0</v>
      </c>
      <c r="J108" s="32">
        <v>32504</v>
      </c>
    </row>
    <row r="109" spans="1:10" x14ac:dyDescent="0.25">
      <c r="A109" s="34" t="s">
        <v>330</v>
      </c>
      <c r="B109" s="52" t="s">
        <v>415</v>
      </c>
      <c r="C109" s="52" t="s">
        <v>332</v>
      </c>
      <c r="D109" s="31" t="s">
        <v>109</v>
      </c>
      <c r="E109" s="33" t="s">
        <v>260</v>
      </c>
      <c r="F109" s="32">
        <v>80118</v>
      </c>
      <c r="G109" s="32">
        <v>71992</v>
      </c>
      <c r="H109" s="32">
        <v>8126</v>
      </c>
      <c r="I109" s="32">
        <v>0</v>
      </c>
      <c r="J109" s="32">
        <v>8126</v>
      </c>
    </row>
    <row r="110" spans="1:10" x14ac:dyDescent="0.25">
      <c r="A110" s="34" t="s">
        <v>330</v>
      </c>
      <c r="B110" s="52" t="s">
        <v>415</v>
      </c>
      <c r="C110" s="52" t="s">
        <v>332</v>
      </c>
      <c r="D110" s="31" t="s">
        <v>122</v>
      </c>
      <c r="E110" s="33" t="s">
        <v>273</v>
      </c>
      <c r="F110" s="32">
        <v>2964366</v>
      </c>
      <c r="G110" s="32">
        <v>2663704</v>
      </c>
      <c r="H110" s="32">
        <v>300662</v>
      </c>
      <c r="I110" s="32">
        <v>0</v>
      </c>
      <c r="J110" s="32">
        <v>300662</v>
      </c>
    </row>
    <row r="111" spans="1:10" ht="26.25" x14ac:dyDescent="0.25">
      <c r="A111" s="34" t="s">
        <v>330</v>
      </c>
      <c r="B111" s="52" t="s">
        <v>393</v>
      </c>
      <c r="C111" s="52" t="s">
        <v>332</v>
      </c>
      <c r="D111" s="31" t="s">
        <v>169</v>
      </c>
      <c r="E111" s="33" t="s">
        <v>318</v>
      </c>
      <c r="F111" s="32">
        <v>3004425</v>
      </c>
      <c r="G111" s="32">
        <v>2699418</v>
      </c>
      <c r="H111" s="32">
        <v>305007</v>
      </c>
      <c r="I111" s="32">
        <v>0</v>
      </c>
      <c r="J111" s="32">
        <v>305007</v>
      </c>
    </row>
    <row r="112" spans="1:10" ht="26.25" x14ac:dyDescent="0.25">
      <c r="A112" s="34" t="s">
        <v>330</v>
      </c>
      <c r="B112" s="52" t="s">
        <v>393</v>
      </c>
      <c r="C112" s="52" t="s">
        <v>332</v>
      </c>
      <c r="D112" s="31" t="s">
        <v>102</v>
      </c>
      <c r="E112" s="33" t="s">
        <v>253</v>
      </c>
      <c r="F112" s="32">
        <v>3364956</v>
      </c>
      <c r="G112" s="32">
        <v>3023664</v>
      </c>
      <c r="H112" s="32">
        <v>341292</v>
      </c>
      <c r="I112" s="32">
        <v>0</v>
      </c>
      <c r="J112" s="32">
        <v>341292</v>
      </c>
    </row>
    <row r="113" spans="1:10" x14ac:dyDescent="0.25">
      <c r="A113" s="34" t="s">
        <v>330</v>
      </c>
      <c r="B113" s="52" t="s">
        <v>418</v>
      </c>
      <c r="C113" s="52" t="s">
        <v>332</v>
      </c>
      <c r="D113" s="31" t="s">
        <v>121</v>
      </c>
      <c r="E113" s="33" t="s">
        <v>272</v>
      </c>
      <c r="F113" s="32">
        <v>801180</v>
      </c>
      <c r="G113" s="32">
        <v>719921</v>
      </c>
      <c r="H113" s="32">
        <v>81259</v>
      </c>
      <c r="I113" s="32">
        <v>0</v>
      </c>
      <c r="J113" s="32">
        <v>81259</v>
      </c>
    </row>
    <row r="114" spans="1:10" ht="26.25" x14ac:dyDescent="0.25">
      <c r="A114" s="34" t="s">
        <v>330</v>
      </c>
      <c r="B114" s="52" t="s">
        <v>408</v>
      </c>
      <c r="C114" s="52" t="s">
        <v>332</v>
      </c>
      <c r="D114" s="31" t="s">
        <v>100</v>
      </c>
      <c r="E114" s="33" t="s">
        <v>251</v>
      </c>
      <c r="F114" s="32">
        <v>240354</v>
      </c>
      <c r="G114" s="32">
        <v>215977</v>
      </c>
      <c r="H114" s="32">
        <v>24377</v>
      </c>
      <c r="I114" s="32">
        <v>0</v>
      </c>
      <c r="J114" s="32">
        <v>24377</v>
      </c>
    </row>
    <row r="115" spans="1:10" ht="26.25" x14ac:dyDescent="0.25">
      <c r="A115" s="34" t="s">
        <v>330</v>
      </c>
      <c r="B115" s="52" t="s">
        <v>408</v>
      </c>
      <c r="C115" s="52" t="s">
        <v>332</v>
      </c>
      <c r="D115" s="31" t="s">
        <v>119</v>
      </c>
      <c r="E115" s="33" t="s">
        <v>270</v>
      </c>
      <c r="F115" s="32">
        <v>160236</v>
      </c>
      <c r="G115" s="32">
        <v>143983</v>
      </c>
      <c r="H115" s="32">
        <v>16253</v>
      </c>
      <c r="I115" s="32">
        <v>1</v>
      </c>
      <c r="J115" s="32">
        <v>16252</v>
      </c>
    </row>
    <row r="116" spans="1:10" ht="26.25" x14ac:dyDescent="0.25">
      <c r="A116" s="34" t="s">
        <v>330</v>
      </c>
      <c r="B116" s="52" t="s">
        <v>408</v>
      </c>
      <c r="C116" s="52" t="s">
        <v>332</v>
      </c>
      <c r="D116" s="35" t="s">
        <v>149</v>
      </c>
      <c r="E116" s="33" t="s">
        <v>270</v>
      </c>
      <c r="F116" s="32">
        <v>160236</v>
      </c>
      <c r="G116" s="32">
        <v>143983</v>
      </c>
      <c r="H116" s="32">
        <v>16253</v>
      </c>
      <c r="I116" s="32">
        <v>1</v>
      </c>
      <c r="J116" s="32">
        <v>16252</v>
      </c>
    </row>
    <row r="117" spans="1:10" ht="26.25" x14ac:dyDescent="0.25">
      <c r="A117" s="34" t="s">
        <v>330</v>
      </c>
      <c r="B117" s="52" t="s">
        <v>408</v>
      </c>
      <c r="C117" s="52" t="s">
        <v>332</v>
      </c>
      <c r="D117" s="35" t="s">
        <v>151</v>
      </c>
      <c r="E117" s="33" t="s">
        <v>270</v>
      </c>
      <c r="F117" s="32">
        <v>160236</v>
      </c>
      <c r="G117" s="32">
        <v>143983</v>
      </c>
      <c r="H117" s="32">
        <v>16253</v>
      </c>
      <c r="I117" s="32">
        <v>1</v>
      </c>
      <c r="J117" s="32">
        <v>16252</v>
      </c>
    </row>
    <row r="118" spans="1:10" x14ac:dyDescent="0.25">
      <c r="A118" s="34" t="s">
        <v>330</v>
      </c>
      <c r="B118" s="52" t="s">
        <v>404</v>
      </c>
      <c r="C118" s="52" t="s">
        <v>332</v>
      </c>
      <c r="D118" s="31" t="s">
        <v>174</v>
      </c>
      <c r="E118" s="33" t="s">
        <v>322</v>
      </c>
      <c r="F118" s="32">
        <v>5007375</v>
      </c>
      <c r="G118" s="32">
        <v>4499029.99</v>
      </c>
      <c r="H118" s="32">
        <v>508345.01</v>
      </c>
      <c r="I118" s="32">
        <v>0.01</v>
      </c>
      <c r="J118" s="32">
        <v>508345</v>
      </c>
    </row>
    <row r="119" spans="1:10" x14ac:dyDescent="0.25">
      <c r="A119" s="34" t="s">
        <v>330</v>
      </c>
      <c r="B119" s="52" t="s">
        <v>404</v>
      </c>
      <c r="C119" s="52" t="s">
        <v>332</v>
      </c>
      <c r="D119" s="31" t="s">
        <v>94</v>
      </c>
      <c r="E119" s="33" t="s">
        <v>245</v>
      </c>
      <c r="F119" s="32">
        <v>4005900</v>
      </c>
      <c r="G119" s="32">
        <v>3599600</v>
      </c>
      <c r="H119" s="32">
        <v>406300</v>
      </c>
      <c r="I119" s="32">
        <v>1</v>
      </c>
      <c r="J119" s="32">
        <v>406299</v>
      </c>
    </row>
    <row r="120" spans="1:10" x14ac:dyDescent="0.25">
      <c r="A120" s="34" t="s">
        <v>330</v>
      </c>
      <c r="B120" s="52" t="s">
        <v>394</v>
      </c>
      <c r="C120" s="52" t="s">
        <v>332</v>
      </c>
      <c r="D120" s="31" t="s">
        <v>83</v>
      </c>
      <c r="E120" s="33" t="s">
        <v>234</v>
      </c>
      <c r="F120" s="32">
        <v>590357</v>
      </c>
      <c r="G120" s="32">
        <v>273214.8</v>
      </c>
      <c r="H120" s="32">
        <v>317142.2</v>
      </c>
      <c r="I120" s="32">
        <v>317142.2</v>
      </c>
      <c r="J120" s="32">
        <v>0</v>
      </c>
    </row>
    <row r="121" spans="1:10" ht="26.25" x14ac:dyDescent="0.25">
      <c r="A121" s="34" t="s">
        <v>330</v>
      </c>
      <c r="B121" s="52" t="s">
        <v>439</v>
      </c>
      <c r="C121" s="52" t="s">
        <v>332</v>
      </c>
      <c r="D121" s="31" t="s">
        <v>161</v>
      </c>
      <c r="E121" s="33" t="s">
        <v>310</v>
      </c>
      <c r="F121" s="32">
        <v>3204720</v>
      </c>
      <c r="G121" s="32">
        <v>2757903.29</v>
      </c>
      <c r="H121" s="32">
        <v>446816.71</v>
      </c>
      <c r="I121" s="32">
        <v>121777.71</v>
      </c>
      <c r="J121" s="32">
        <v>325038.99999999994</v>
      </c>
    </row>
    <row r="122" spans="1:10" ht="26.25" x14ac:dyDescent="0.25">
      <c r="A122" s="34" t="s">
        <v>330</v>
      </c>
      <c r="B122" s="52" t="s">
        <v>440</v>
      </c>
      <c r="C122" s="52" t="s">
        <v>332</v>
      </c>
      <c r="D122" s="31" t="s">
        <v>162</v>
      </c>
      <c r="E122" s="33" t="s">
        <v>311</v>
      </c>
      <c r="F122" s="32">
        <v>2603835</v>
      </c>
      <c r="G122" s="32">
        <v>2339740</v>
      </c>
      <c r="H122" s="32">
        <v>264095</v>
      </c>
      <c r="I122" s="32">
        <v>0</v>
      </c>
      <c r="J122" s="32">
        <v>264095</v>
      </c>
    </row>
    <row r="123" spans="1:10" ht="26.25" x14ac:dyDescent="0.25">
      <c r="A123" s="34" t="s">
        <v>330</v>
      </c>
      <c r="B123" s="52" t="s">
        <v>432</v>
      </c>
      <c r="C123" s="52" t="s">
        <v>332</v>
      </c>
      <c r="D123" s="31" t="s">
        <v>148</v>
      </c>
      <c r="E123" s="33" t="s">
        <v>299</v>
      </c>
      <c r="F123" s="32">
        <v>801180</v>
      </c>
      <c r="G123" s="32">
        <v>719921</v>
      </c>
      <c r="H123" s="32">
        <v>81259</v>
      </c>
      <c r="I123" s="32">
        <v>0</v>
      </c>
      <c r="J123" s="32">
        <v>81259</v>
      </c>
    </row>
    <row r="124" spans="1:10" ht="26.25" x14ac:dyDescent="0.25">
      <c r="A124" s="34" t="s">
        <v>330</v>
      </c>
      <c r="B124" s="52" t="s">
        <v>347</v>
      </c>
      <c r="C124" s="52" t="s">
        <v>332</v>
      </c>
      <c r="D124" s="31" t="s">
        <v>55</v>
      </c>
      <c r="E124" s="33" t="s">
        <v>206</v>
      </c>
      <c r="F124" s="32">
        <v>1281374</v>
      </c>
      <c r="G124" s="32">
        <v>1172714</v>
      </c>
      <c r="H124" s="32">
        <v>108660</v>
      </c>
      <c r="I124" s="32">
        <v>0</v>
      </c>
      <c r="J124" s="32">
        <v>108660</v>
      </c>
    </row>
    <row r="125" spans="1:10" x14ac:dyDescent="0.25">
      <c r="A125" s="34" t="s">
        <v>330</v>
      </c>
      <c r="B125" s="52" t="s">
        <v>347</v>
      </c>
      <c r="C125" s="52" t="s">
        <v>332</v>
      </c>
      <c r="D125" s="31" t="s">
        <v>37</v>
      </c>
      <c r="E125" s="33" t="s">
        <v>188</v>
      </c>
      <c r="F125" s="32">
        <v>640687</v>
      </c>
      <c r="G125" s="32">
        <v>586356.17000000004</v>
      </c>
      <c r="H125" s="32">
        <v>54330.83</v>
      </c>
      <c r="I125" s="32">
        <v>0.83</v>
      </c>
      <c r="J125" s="32">
        <v>54330</v>
      </c>
    </row>
    <row r="126" spans="1:10" ht="39" x14ac:dyDescent="0.25">
      <c r="A126" s="34" t="s">
        <v>330</v>
      </c>
      <c r="B126" s="52" t="s">
        <v>366</v>
      </c>
      <c r="C126" s="52" t="s">
        <v>332</v>
      </c>
      <c r="D126" s="31" t="s">
        <v>131</v>
      </c>
      <c r="E126" s="33" t="s">
        <v>282</v>
      </c>
      <c r="F126" s="32">
        <v>640944</v>
      </c>
      <c r="G126" s="32">
        <v>575935</v>
      </c>
      <c r="H126" s="32">
        <v>65009</v>
      </c>
      <c r="I126" s="32">
        <v>0</v>
      </c>
      <c r="J126" s="32">
        <v>65009</v>
      </c>
    </row>
    <row r="127" spans="1:10" x14ac:dyDescent="0.25">
      <c r="A127" s="34" t="s">
        <v>330</v>
      </c>
      <c r="B127" s="52" t="s">
        <v>366</v>
      </c>
      <c r="C127" s="52" t="s">
        <v>332</v>
      </c>
      <c r="D127" s="31" t="s">
        <v>54</v>
      </c>
      <c r="E127" s="33" t="s">
        <v>205</v>
      </c>
      <c r="F127" s="32">
        <v>3075299</v>
      </c>
      <c r="G127" s="32">
        <v>2814513.99</v>
      </c>
      <c r="H127" s="32">
        <v>260785.01</v>
      </c>
      <c r="I127" s="32">
        <v>0.01</v>
      </c>
      <c r="J127" s="32">
        <v>260785</v>
      </c>
    </row>
    <row r="128" spans="1:10" x14ac:dyDescent="0.25">
      <c r="A128" s="34" t="s">
        <v>330</v>
      </c>
      <c r="B128" s="52" t="s">
        <v>376</v>
      </c>
      <c r="C128" s="52" t="s">
        <v>332</v>
      </c>
      <c r="D128" s="31" t="s">
        <v>65</v>
      </c>
      <c r="E128" s="33" t="s">
        <v>216</v>
      </c>
      <c r="F128" s="32">
        <v>477696</v>
      </c>
      <c r="G128" s="32">
        <v>437187</v>
      </c>
      <c r="H128" s="32">
        <v>40509</v>
      </c>
      <c r="I128" s="32">
        <v>0</v>
      </c>
      <c r="J128" s="32">
        <v>40509</v>
      </c>
    </row>
    <row r="129" spans="1:10" ht="26.25" x14ac:dyDescent="0.25">
      <c r="A129" s="34" t="s">
        <v>330</v>
      </c>
      <c r="B129" s="52" t="s">
        <v>376</v>
      </c>
      <c r="C129" s="52" t="s">
        <v>332</v>
      </c>
      <c r="D129" s="31" t="s">
        <v>147</v>
      </c>
      <c r="E129" s="33" t="s">
        <v>298</v>
      </c>
      <c r="F129" s="32">
        <v>4807080</v>
      </c>
      <c r="G129" s="32">
        <v>4319519.54</v>
      </c>
      <c r="H129" s="32">
        <v>487560.46</v>
      </c>
      <c r="I129" s="32">
        <v>0.46</v>
      </c>
      <c r="J129" s="32">
        <v>487560</v>
      </c>
    </row>
    <row r="130" spans="1:10" x14ac:dyDescent="0.25">
      <c r="A130" s="34" t="s">
        <v>330</v>
      </c>
      <c r="B130" s="52" t="s">
        <v>342</v>
      </c>
      <c r="C130" s="52" t="s">
        <v>332</v>
      </c>
      <c r="D130" s="31" t="s">
        <v>32</v>
      </c>
      <c r="E130" s="33" t="s">
        <v>183</v>
      </c>
      <c r="F130" s="32">
        <v>241924</v>
      </c>
      <c r="G130" s="32">
        <v>221409</v>
      </c>
      <c r="H130" s="32">
        <v>20515</v>
      </c>
      <c r="I130" s="32">
        <v>0</v>
      </c>
      <c r="J130" s="32">
        <v>20515</v>
      </c>
    </row>
    <row r="131" spans="1:10" ht="26.25" x14ac:dyDescent="0.25">
      <c r="A131" s="34" t="s">
        <v>330</v>
      </c>
      <c r="B131" s="52" t="s">
        <v>403</v>
      </c>
      <c r="C131" s="52" t="s">
        <v>332</v>
      </c>
      <c r="D131" s="31" t="s">
        <v>93</v>
      </c>
      <c r="E131" s="33" t="s">
        <v>244</v>
      </c>
      <c r="F131" s="32">
        <v>2002950</v>
      </c>
      <c r="G131" s="32">
        <v>1799800</v>
      </c>
      <c r="H131" s="32">
        <v>203150</v>
      </c>
      <c r="I131" s="32">
        <v>0</v>
      </c>
      <c r="J131" s="32">
        <v>203150</v>
      </c>
    </row>
    <row r="132" spans="1:10" ht="39" x14ac:dyDescent="0.25">
      <c r="A132" s="34" t="s">
        <v>336</v>
      </c>
      <c r="B132" s="52" t="s">
        <v>430</v>
      </c>
      <c r="C132" s="52" t="s">
        <v>332</v>
      </c>
      <c r="D132" s="31" t="s">
        <v>145</v>
      </c>
      <c r="E132" s="33" t="s">
        <v>296</v>
      </c>
      <c r="F132" s="32">
        <v>5637191.2199999997</v>
      </c>
      <c r="G132" s="32">
        <v>5065436.55</v>
      </c>
      <c r="H132" s="32">
        <v>571754.67000000004</v>
      </c>
      <c r="I132" s="32">
        <v>1.45</v>
      </c>
      <c r="J132" s="32">
        <v>571753.22000000009</v>
      </c>
    </row>
    <row r="133" spans="1:10" ht="26.25" x14ac:dyDescent="0.25">
      <c r="A133" s="34" t="s">
        <v>336</v>
      </c>
      <c r="B133" s="52" t="s">
        <v>337</v>
      </c>
      <c r="C133" s="52" t="s">
        <v>332</v>
      </c>
      <c r="D133" s="31" t="s">
        <v>157</v>
      </c>
      <c r="E133" s="33" t="s">
        <v>306</v>
      </c>
      <c r="F133" s="32">
        <v>2403540</v>
      </c>
      <c r="G133" s="32">
        <v>2159663.65</v>
      </c>
      <c r="H133" s="32">
        <v>243876.35</v>
      </c>
      <c r="I133" s="32">
        <v>96.35</v>
      </c>
      <c r="J133" s="32">
        <v>243780</v>
      </c>
    </row>
    <row r="134" spans="1:10" x14ac:dyDescent="0.25">
      <c r="A134" s="34" t="s">
        <v>336</v>
      </c>
      <c r="B134" s="52" t="s">
        <v>417</v>
      </c>
      <c r="C134" s="52" t="s">
        <v>332</v>
      </c>
      <c r="D134" s="31" t="s">
        <v>118</v>
      </c>
      <c r="E134" s="33" t="s">
        <v>269</v>
      </c>
      <c r="F134" s="32">
        <v>4005900</v>
      </c>
      <c r="G134" s="32">
        <v>3599600</v>
      </c>
      <c r="H134" s="32">
        <v>406300</v>
      </c>
      <c r="I134" s="32">
        <v>1</v>
      </c>
      <c r="J134" s="32">
        <v>406299</v>
      </c>
    </row>
    <row r="135" spans="1:10" ht="26.25" x14ac:dyDescent="0.25">
      <c r="A135" s="34" t="s">
        <v>336</v>
      </c>
      <c r="B135" s="52" t="s">
        <v>370</v>
      </c>
      <c r="C135" s="52" t="s">
        <v>332</v>
      </c>
      <c r="D135" s="31" t="s">
        <v>60</v>
      </c>
      <c r="E135" s="33" t="s">
        <v>211</v>
      </c>
      <c r="F135" s="32">
        <v>768825</v>
      </c>
      <c r="G135" s="32">
        <v>703628</v>
      </c>
      <c r="H135" s="32">
        <v>65197</v>
      </c>
      <c r="I135" s="32">
        <v>0</v>
      </c>
      <c r="J135" s="32">
        <v>65197</v>
      </c>
    </row>
    <row r="136" spans="1:10" x14ac:dyDescent="0.25">
      <c r="A136" s="34" t="s">
        <v>336</v>
      </c>
      <c r="B136" s="52" t="s">
        <v>370</v>
      </c>
      <c r="C136" s="52" t="s">
        <v>332</v>
      </c>
      <c r="D136" s="31" t="s">
        <v>82</v>
      </c>
      <c r="E136" s="33" t="s">
        <v>233</v>
      </c>
      <c r="F136" s="32">
        <v>1000000</v>
      </c>
      <c r="G136" s="32">
        <v>714345.39</v>
      </c>
      <c r="H136" s="32">
        <v>285654.61</v>
      </c>
      <c r="I136" s="32">
        <v>285654.61</v>
      </c>
      <c r="J136" s="32">
        <v>0</v>
      </c>
    </row>
    <row r="137" spans="1:10" ht="26.25" x14ac:dyDescent="0.25">
      <c r="A137" s="34" t="s">
        <v>336</v>
      </c>
      <c r="B137" s="52" t="s">
        <v>355</v>
      </c>
      <c r="C137" s="52" t="s">
        <v>332</v>
      </c>
      <c r="D137" s="31" t="s">
        <v>41</v>
      </c>
      <c r="E137" s="33" t="s">
        <v>192</v>
      </c>
      <c r="F137" s="32">
        <v>2306474</v>
      </c>
      <c r="G137" s="32">
        <v>2110885</v>
      </c>
      <c r="H137" s="32">
        <v>195589</v>
      </c>
      <c r="I137" s="32">
        <v>0</v>
      </c>
      <c r="J137" s="32">
        <v>195589</v>
      </c>
    </row>
    <row r="138" spans="1:10" x14ac:dyDescent="0.25">
      <c r="A138" s="34" t="s">
        <v>336</v>
      </c>
      <c r="B138" s="52" t="s">
        <v>344</v>
      </c>
      <c r="C138" s="52" t="s">
        <v>332</v>
      </c>
      <c r="D138" s="31" t="s">
        <v>34</v>
      </c>
      <c r="E138" s="33" t="s">
        <v>185</v>
      </c>
      <c r="F138" s="32">
        <v>512550</v>
      </c>
      <c r="G138" s="32">
        <v>469085.99</v>
      </c>
      <c r="H138" s="32">
        <v>43464.01</v>
      </c>
      <c r="I138" s="32">
        <v>0.01</v>
      </c>
      <c r="J138" s="32">
        <v>43464</v>
      </c>
    </row>
    <row r="139" spans="1:10" ht="26.25" x14ac:dyDescent="0.25">
      <c r="A139" s="34" t="s">
        <v>336</v>
      </c>
      <c r="B139" s="52" t="s">
        <v>338</v>
      </c>
      <c r="C139" s="52" t="s">
        <v>332</v>
      </c>
      <c r="D139" s="31" t="s">
        <v>30</v>
      </c>
      <c r="E139" s="33" t="s">
        <v>181</v>
      </c>
      <c r="F139" s="32">
        <v>4612948</v>
      </c>
      <c r="G139" s="32">
        <v>4221770</v>
      </c>
      <c r="H139" s="32">
        <v>391178</v>
      </c>
      <c r="I139" s="32">
        <v>0</v>
      </c>
      <c r="J139" s="32">
        <v>391178</v>
      </c>
    </row>
    <row r="140" spans="1:10" x14ac:dyDescent="0.25">
      <c r="A140" s="34" t="s">
        <v>336</v>
      </c>
      <c r="B140" s="52" t="s">
        <v>406</v>
      </c>
      <c r="C140" s="52" t="s">
        <v>332</v>
      </c>
      <c r="D140" s="31" t="s">
        <v>97</v>
      </c>
      <c r="E140" s="33" t="s">
        <v>248</v>
      </c>
      <c r="F140" s="32">
        <v>2203245</v>
      </c>
      <c r="G140" s="32">
        <v>1979780</v>
      </c>
      <c r="H140" s="32">
        <v>223465</v>
      </c>
      <c r="I140" s="32">
        <v>1</v>
      </c>
      <c r="J140" s="32">
        <v>223464</v>
      </c>
    </row>
    <row r="141" spans="1:10" x14ac:dyDescent="0.25">
      <c r="A141" s="34" t="s">
        <v>336</v>
      </c>
      <c r="B141" s="52" t="s">
        <v>388</v>
      </c>
      <c r="C141" s="52" t="s">
        <v>332</v>
      </c>
      <c r="D141" s="31" t="s">
        <v>78</v>
      </c>
      <c r="E141" s="33" t="s">
        <v>229</v>
      </c>
      <c r="F141" s="32">
        <v>711163</v>
      </c>
      <c r="G141" s="32">
        <v>650856</v>
      </c>
      <c r="H141" s="32">
        <v>60307</v>
      </c>
      <c r="I141" s="32">
        <v>0</v>
      </c>
      <c r="J141" s="32">
        <v>60307</v>
      </c>
    </row>
    <row r="142" spans="1:10" ht="26.25" x14ac:dyDescent="0.25">
      <c r="A142" s="34" t="s">
        <v>336</v>
      </c>
      <c r="B142" s="52" t="s">
        <v>388</v>
      </c>
      <c r="C142" s="52" t="s">
        <v>332</v>
      </c>
      <c r="D142" s="31" t="s">
        <v>116</v>
      </c>
      <c r="E142" s="33" t="s">
        <v>267</v>
      </c>
      <c r="F142" s="32">
        <v>1602360</v>
      </c>
      <c r="G142" s="32">
        <v>1439840</v>
      </c>
      <c r="H142" s="32">
        <v>162520</v>
      </c>
      <c r="I142" s="32">
        <v>0</v>
      </c>
      <c r="J142" s="32">
        <v>162520</v>
      </c>
    </row>
    <row r="143" spans="1:10" x14ac:dyDescent="0.25">
      <c r="A143" s="34" t="s">
        <v>336</v>
      </c>
      <c r="B143" s="52" t="s">
        <v>12</v>
      </c>
      <c r="C143" s="52" t="s">
        <v>332</v>
      </c>
      <c r="D143" s="31" t="s">
        <v>73</v>
      </c>
      <c r="E143" s="33" t="s">
        <v>224</v>
      </c>
      <c r="F143" s="32">
        <v>6535009</v>
      </c>
      <c r="G143" s="32">
        <v>5980840.9800000004</v>
      </c>
      <c r="H143" s="32">
        <v>554168.02</v>
      </c>
      <c r="I143" s="32">
        <v>0.02</v>
      </c>
      <c r="J143" s="32">
        <v>544168</v>
      </c>
    </row>
    <row r="144" spans="1:10" x14ac:dyDescent="0.25">
      <c r="A144" s="34" t="s">
        <v>336</v>
      </c>
      <c r="B144" s="52" t="s">
        <v>12</v>
      </c>
      <c r="C144" s="52" t="s">
        <v>332</v>
      </c>
      <c r="D144" s="31" t="s">
        <v>115</v>
      </c>
      <c r="E144" s="33" t="s">
        <v>266</v>
      </c>
      <c r="F144" s="32">
        <v>2203245</v>
      </c>
      <c r="G144" s="32">
        <v>1979780</v>
      </c>
      <c r="H144" s="32">
        <v>223465</v>
      </c>
      <c r="I144" s="32">
        <v>1</v>
      </c>
      <c r="J144" s="32">
        <v>223464</v>
      </c>
    </row>
    <row r="145" spans="1:10" x14ac:dyDescent="0.25">
      <c r="A145" s="34" t="s">
        <v>336</v>
      </c>
      <c r="B145" s="52" t="s">
        <v>346</v>
      </c>
      <c r="C145" s="52" t="s">
        <v>332</v>
      </c>
      <c r="D145" s="31" t="s">
        <v>36</v>
      </c>
      <c r="E145" s="33" t="s">
        <v>187</v>
      </c>
      <c r="F145" s="32">
        <v>2690886</v>
      </c>
      <c r="G145" s="32">
        <v>2462699</v>
      </c>
      <c r="H145" s="32">
        <v>228187</v>
      </c>
      <c r="I145" s="32">
        <v>0</v>
      </c>
      <c r="J145" s="32">
        <v>228187</v>
      </c>
    </row>
    <row r="146" spans="1:10" x14ac:dyDescent="0.25">
      <c r="A146" s="34" t="s">
        <v>336</v>
      </c>
      <c r="B146" s="52" t="s">
        <v>383</v>
      </c>
      <c r="C146" s="52" t="s">
        <v>332</v>
      </c>
      <c r="D146" s="31" t="s">
        <v>72</v>
      </c>
      <c r="E146" s="33" t="s">
        <v>223</v>
      </c>
      <c r="F146" s="32">
        <v>3844123</v>
      </c>
      <c r="G146" s="32">
        <v>3518142</v>
      </c>
      <c r="H146" s="32">
        <v>325981</v>
      </c>
      <c r="I146" s="32">
        <v>0</v>
      </c>
      <c r="J146" s="32">
        <v>325981</v>
      </c>
    </row>
    <row r="147" spans="1:10" ht="26.25" x14ac:dyDescent="0.25">
      <c r="A147" s="34" t="s">
        <v>336</v>
      </c>
      <c r="B147" s="52" t="s">
        <v>424</v>
      </c>
      <c r="C147" s="52" t="s">
        <v>332</v>
      </c>
      <c r="D147" s="31" t="s">
        <v>133</v>
      </c>
      <c r="E147" s="33" t="s">
        <v>284</v>
      </c>
      <c r="F147" s="32">
        <v>1602360</v>
      </c>
      <c r="G147" s="32">
        <v>1439839.5</v>
      </c>
      <c r="H147" s="32">
        <v>162520.5</v>
      </c>
      <c r="I147" s="32">
        <v>0.5</v>
      </c>
      <c r="J147" s="32">
        <v>162520</v>
      </c>
    </row>
    <row r="148" spans="1:10" x14ac:dyDescent="0.25">
      <c r="A148" s="34" t="s">
        <v>389</v>
      </c>
      <c r="B148" s="52" t="s">
        <v>409</v>
      </c>
      <c r="C148" s="52" t="s">
        <v>352</v>
      </c>
      <c r="D148" s="31" t="s">
        <v>101</v>
      </c>
      <c r="E148" s="33" t="s">
        <v>252</v>
      </c>
      <c r="F148" s="32">
        <v>2804130</v>
      </c>
      <c r="G148" s="32">
        <v>2352262.11</v>
      </c>
      <c r="H148" s="32">
        <v>451867.89</v>
      </c>
      <c r="I148" s="32">
        <v>167458.89000000001</v>
      </c>
      <c r="J148" s="32">
        <v>284409</v>
      </c>
    </row>
    <row r="149" spans="1:10" ht="26.25" x14ac:dyDescent="0.25">
      <c r="A149" s="34" t="s">
        <v>389</v>
      </c>
      <c r="B149" s="52" t="s">
        <v>420</v>
      </c>
      <c r="C149" s="52" t="s">
        <v>412</v>
      </c>
      <c r="D149" s="31" t="s">
        <v>124</v>
      </c>
      <c r="E149" s="33" t="s">
        <v>275</v>
      </c>
      <c r="F149" s="32">
        <v>400590</v>
      </c>
      <c r="G149" s="32">
        <v>293820.49</v>
      </c>
      <c r="H149" s="32">
        <v>106769.51</v>
      </c>
      <c r="I149" s="32">
        <v>66139.509999999995</v>
      </c>
      <c r="J149" s="32">
        <v>40630</v>
      </c>
    </row>
    <row r="150" spans="1:10" ht="51.75" x14ac:dyDescent="0.25">
      <c r="A150" s="34" t="s">
        <v>389</v>
      </c>
      <c r="B150" s="52" t="s">
        <v>411</v>
      </c>
      <c r="C150" s="52" t="s">
        <v>412</v>
      </c>
      <c r="D150" s="31" t="s">
        <v>11</v>
      </c>
      <c r="E150" s="33" t="s">
        <v>10</v>
      </c>
      <c r="F150" s="32">
        <v>400590</v>
      </c>
      <c r="G150" s="32">
        <v>354621.15</v>
      </c>
      <c r="H150" s="32">
        <v>45968.85</v>
      </c>
      <c r="I150" s="32">
        <v>5338.85</v>
      </c>
      <c r="J150" s="32">
        <v>40630</v>
      </c>
    </row>
    <row r="151" spans="1:10" ht="39" x14ac:dyDescent="0.25">
      <c r="A151" s="34" t="s">
        <v>389</v>
      </c>
      <c r="B151" s="52" t="s">
        <v>444</v>
      </c>
      <c r="C151" s="52" t="s">
        <v>445</v>
      </c>
      <c r="D151" s="31" t="s">
        <v>170</v>
      </c>
      <c r="E151" s="33" t="s">
        <v>319</v>
      </c>
      <c r="F151" s="32">
        <v>3004425</v>
      </c>
      <c r="G151" s="32">
        <v>2699417.98</v>
      </c>
      <c r="H151" s="32">
        <v>305007.02</v>
      </c>
      <c r="I151" s="32">
        <v>0</v>
      </c>
      <c r="J151" s="32">
        <v>305007.02</v>
      </c>
    </row>
    <row r="152" spans="1:10" ht="26.25" x14ac:dyDescent="0.25">
      <c r="A152" s="34" t="s">
        <v>389</v>
      </c>
      <c r="B152" s="52" t="s">
        <v>423</v>
      </c>
      <c r="C152" s="52" t="s">
        <v>390</v>
      </c>
      <c r="D152" s="31" t="s">
        <v>128</v>
      </c>
      <c r="E152" s="33" t="s">
        <v>279</v>
      </c>
      <c r="F152" s="32">
        <v>4005900</v>
      </c>
      <c r="G152" s="32">
        <v>3599595.98</v>
      </c>
      <c r="H152" s="32">
        <v>406304.02</v>
      </c>
      <c r="I152" s="32">
        <v>5.0199999999999996</v>
      </c>
      <c r="J152" s="32">
        <v>406299</v>
      </c>
    </row>
    <row r="153" spans="1:10" ht="26.25" x14ac:dyDescent="0.25">
      <c r="A153" s="34" t="s">
        <v>389</v>
      </c>
      <c r="B153" s="52" t="s">
        <v>423</v>
      </c>
      <c r="C153" s="52" t="s">
        <v>390</v>
      </c>
      <c r="D153" s="31" t="s">
        <v>176</v>
      </c>
      <c r="E153" s="33" t="s">
        <v>324</v>
      </c>
      <c r="F153" s="32">
        <v>500738</v>
      </c>
      <c r="G153" s="32">
        <v>448800</v>
      </c>
      <c r="H153" s="32">
        <v>51938</v>
      </c>
      <c r="I153" s="32">
        <v>1103</v>
      </c>
      <c r="J153" s="32">
        <v>50835</v>
      </c>
    </row>
    <row r="154" spans="1:10" ht="26.25" x14ac:dyDescent="0.25">
      <c r="A154" s="34" t="s">
        <v>378</v>
      </c>
      <c r="B154" s="52" t="s">
        <v>357</v>
      </c>
      <c r="C154" s="52" t="s">
        <v>380</v>
      </c>
      <c r="D154" s="31" t="s">
        <v>173</v>
      </c>
      <c r="E154" s="33" t="s">
        <v>321</v>
      </c>
      <c r="F154" s="32">
        <v>5007375</v>
      </c>
      <c r="G154" s="32">
        <v>5000000</v>
      </c>
      <c r="H154" s="32">
        <v>7375</v>
      </c>
      <c r="I154" s="32">
        <v>0</v>
      </c>
      <c r="J154" s="32">
        <v>7375</v>
      </c>
    </row>
    <row r="155" spans="1:10" ht="26.25" x14ac:dyDescent="0.25">
      <c r="A155" s="34" t="s">
        <v>378</v>
      </c>
      <c r="B155" s="52" t="s">
        <v>379</v>
      </c>
      <c r="C155" s="52" t="s">
        <v>380</v>
      </c>
      <c r="D155" s="31" t="s">
        <v>99</v>
      </c>
      <c r="E155" s="33" t="s">
        <v>250</v>
      </c>
      <c r="F155" s="32">
        <v>2804130</v>
      </c>
      <c r="G155" s="32">
        <v>2065755.8</v>
      </c>
      <c r="H155" s="32">
        <v>738374.2</v>
      </c>
      <c r="I155" s="32">
        <v>453965.2</v>
      </c>
      <c r="J155" s="32">
        <v>284408.99999999994</v>
      </c>
    </row>
    <row r="156" spans="1:10" x14ac:dyDescent="0.25">
      <c r="A156" s="34" t="s">
        <v>378</v>
      </c>
      <c r="B156" s="52" t="s">
        <v>410</v>
      </c>
      <c r="C156" s="52" t="s">
        <v>380</v>
      </c>
      <c r="D156" s="31" t="s">
        <v>105</v>
      </c>
      <c r="E156" s="33" t="s">
        <v>256</v>
      </c>
      <c r="F156" s="32">
        <v>1201770</v>
      </c>
      <c r="G156" s="32">
        <v>1079856.97</v>
      </c>
      <c r="H156" s="32">
        <v>121913.03</v>
      </c>
      <c r="I156" s="32">
        <v>23.03</v>
      </c>
      <c r="J156" s="32">
        <v>121890</v>
      </c>
    </row>
    <row r="157" spans="1:10" x14ac:dyDescent="0.25">
      <c r="A157" s="34" t="s">
        <v>378</v>
      </c>
      <c r="B157" s="52" t="s">
        <v>410</v>
      </c>
      <c r="C157" s="52" t="s">
        <v>380</v>
      </c>
      <c r="D157" s="31" t="s">
        <v>2</v>
      </c>
      <c r="E157" s="33" t="s">
        <v>1</v>
      </c>
      <c r="F157" s="32">
        <v>594000</v>
      </c>
      <c r="G157" s="32">
        <v>507108.64</v>
      </c>
      <c r="H157" s="32">
        <v>86891.36</v>
      </c>
      <c r="I157" s="32">
        <v>86891.36</v>
      </c>
      <c r="J157" s="32">
        <v>0</v>
      </c>
    </row>
    <row r="158" spans="1:10" ht="26.25" x14ac:dyDescent="0.25">
      <c r="A158" s="34" t="s">
        <v>371</v>
      </c>
      <c r="B158" s="52" t="s">
        <v>396</v>
      </c>
      <c r="C158" s="52" t="s">
        <v>332</v>
      </c>
      <c r="D158" s="31" t="s">
        <v>86</v>
      </c>
      <c r="E158" s="33" t="s">
        <v>237</v>
      </c>
      <c r="F158" s="32">
        <v>801180</v>
      </c>
      <c r="G158" s="32">
        <v>719920.75</v>
      </c>
      <c r="H158" s="32">
        <v>81259.25</v>
      </c>
      <c r="I158" s="32">
        <v>0.25</v>
      </c>
      <c r="J158" s="32">
        <v>81259</v>
      </c>
    </row>
    <row r="159" spans="1:10" x14ac:dyDescent="0.25">
      <c r="A159" s="34" t="s">
        <v>371</v>
      </c>
      <c r="B159" s="52" t="s">
        <v>374</v>
      </c>
      <c r="C159" s="52" t="s">
        <v>332</v>
      </c>
      <c r="D159" s="31" t="s">
        <v>160</v>
      </c>
      <c r="E159" s="33" t="s">
        <v>309</v>
      </c>
      <c r="F159" s="32">
        <v>801180</v>
      </c>
      <c r="G159" s="32">
        <v>719921</v>
      </c>
      <c r="H159" s="32">
        <v>81259</v>
      </c>
      <c r="I159" s="32">
        <v>0</v>
      </c>
      <c r="J159" s="32">
        <v>81259</v>
      </c>
    </row>
    <row r="160" spans="1:10" x14ac:dyDescent="0.25">
      <c r="A160" s="34" t="s">
        <v>371</v>
      </c>
      <c r="B160" s="52" t="s">
        <v>374</v>
      </c>
      <c r="C160" s="52" t="s">
        <v>332</v>
      </c>
      <c r="D160" s="30" t="s">
        <v>63</v>
      </c>
      <c r="E160" s="33" t="s">
        <v>214</v>
      </c>
      <c r="F160" s="32">
        <v>1537649</v>
      </c>
      <c r="G160" s="32">
        <v>1407257</v>
      </c>
      <c r="H160" s="32">
        <v>130392</v>
      </c>
      <c r="I160" s="32">
        <v>0</v>
      </c>
      <c r="J160" s="32">
        <v>130392</v>
      </c>
    </row>
    <row r="161" spans="1:10" ht="26.25" x14ac:dyDescent="0.25">
      <c r="A161" s="34" t="s">
        <v>371</v>
      </c>
      <c r="B161" s="52" t="s">
        <v>374</v>
      </c>
      <c r="C161" s="52" t="s">
        <v>332</v>
      </c>
      <c r="D161" s="31" t="s">
        <v>130</v>
      </c>
      <c r="E161" s="33" t="s">
        <v>281</v>
      </c>
      <c r="F161" s="32">
        <v>5207670</v>
      </c>
      <c r="G161" s="32">
        <v>4679480</v>
      </c>
      <c r="H161" s="32">
        <v>528190</v>
      </c>
      <c r="I161" s="32">
        <v>0</v>
      </c>
      <c r="J161" s="32">
        <v>528190</v>
      </c>
    </row>
    <row r="162" spans="1:10" ht="39" x14ac:dyDescent="0.25">
      <c r="A162" s="34" t="s">
        <v>371</v>
      </c>
      <c r="B162" s="52" t="s">
        <v>397</v>
      </c>
      <c r="C162" s="52" t="s">
        <v>332</v>
      </c>
      <c r="D162" s="31" t="s">
        <v>88</v>
      </c>
      <c r="E162" s="33" t="s">
        <v>239</v>
      </c>
      <c r="F162" s="32">
        <v>400590</v>
      </c>
      <c r="G162" s="32">
        <v>359959.96</v>
      </c>
      <c r="H162" s="32">
        <v>40630.04</v>
      </c>
      <c r="I162" s="32">
        <v>0.04</v>
      </c>
      <c r="J162" s="32">
        <v>40630</v>
      </c>
    </row>
    <row r="163" spans="1:10" ht="39" x14ac:dyDescent="0.25">
      <c r="A163" s="34" t="s">
        <v>371</v>
      </c>
      <c r="B163" s="52" t="s">
        <v>435</v>
      </c>
      <c r="C163" s="52" t="s">
        <v>332</v>
      </c>
      <c r="D163" s="31" t="s">
        <v>152</v>
      </c>
      <c r="E163" s="33" t="s">
        <v>301</v>
      </c>
      <c r="F163" s="32">
        <v>100307.68</v>
      </c>
      <c r="G163" s="32">
        <v>90134</v>
      </c>
      <c r="H163" s="32">
        <v>10173.68</v>
      </c>
      <c r="I163" s="32">
        <v>0</v>
      </c>
      <c r="J163" s="32">
        <v>10173.68</v>
      </c>
    </row>
    <row r="164" spans="1:10" x14ac:dyDescent="0.25">
      <c r="A164" s="34" t="s">
        <v>371</v>
      </c>
      <c r="B164" s="52" t="s">
        <v>372</v>
      </c>
      <c r="C164" s="52" t="s">
        <v>332</v>
      </c>
      <c r="D164" s="31" t="s">
        <v>61</v>
      </c>
      <c r="E164" s="33" t="s">
        <v>212</v>
      </c>
      <c r="F164" s="32">
        <v>2306474</v>
      </c>
      <c r="G164" s="32">
        <v>2110885</v>
      </c>
      <c r="H164" s="32">
        <v>195589</v>
      </c>
      <c r="I164" s="32">
        <v>0</v>
      </c>
      <c r="J164" s="32">
        <v>195589</v>
      </c>
    </row>
    <row r="165" spans="1:10" ht="15.75" thickBot="1" x14ac:dyDescent="0.3">
      <c r="A165" s="29"/>
      <c r="B165" s="28"/>
      <c r="C165" s="27"/>
      <c r="D165" s="26"/>
      <c r="E165" s="25" t="s">
        <v>0</v>
      </c>
      <c r="F165" s="24">
        <f>SUM(F9:F164)</f>
        <v>476789187.70000005</v>
      </c>
      <c r="G165" s="24">
        <f>SUM(G9:G164)</f>
        <v>435128107.22000021</v>
      </c>
      <c r="H165" s="23">
        <f>SUM(H9:H164)</f>
        <v>41661080.480000004</v>
      </c>
      <c r="I165" s="23">
        <f>SUM(I9:I164)</f>
        <v>7282615.0200000005</v>
      </c>
      <c r="J165" s="23">
        <f>SUM(J9:J164)</f>
        <v>34367465.460000001</v>
      </c>
    </row>
    <row r="166" spans="1:10" x14ac:dyDescent="0.25">
      <c r="A166" s="22"/>
      <c r="B166" s="5"/>
      <c r="C166" s="21"/>
      <c r="D166" s="21"/>
      <c r="E166" s="21"/>
      <c r="F166" s="5"/>
      <c r="G166" s="5"/>
      <c r="H166" s="5"/>
      <c r="I166" s="5"/>
      <c r="J166" s="5"/>
    </row>
    <row r="167" spans="1:10" x14ac:dyDescent="0.25">
      <c r="A167" s="22"/>
      <c r="B167" s="5"/>
      <c r="C167" s="21"/>
      <c r="D167" s="21"/>
      <c r="E167" s="21"/>
      <c r="F167" s="5"/>
      <c r="G167" s="5"/>
      <c r="H167" s="5"/>
      <c r="I167" s="5"/>
      <c r="J167" s="5"/>
    </row>
    <row r="168" spans="1:10" x14ac:dyDescent="0.25">
      <c r="A168" s="22"/>
      <c r="B168" s="5"/>
      <c r="C168" s="21"/>
      <c r="D168" s="21"/>
      <c r="E168" s="21"/>
      <c r="F168" s="5"/>
      <c r="G168" s="5"/>
      <c r="H168" s="5"/>
      <c r="I168" s="5"/>
      <c r="J168" s="5"/>
    </row>
    <row r="169" spans="1:10" x14ac:dyDescent="0.25">
      <c r="A169" s="22"/>
      <c r="B169" s="5"/>
      <c r="C169" s="21"/>
      <c r="D169" s="21"/>
      <c r="E169" s="21"/>
      <c r="F169" s="5"/>
      <c r="G169" s="5"/>
      <c r="H169" s="5"/>
      <c r="I169" s="5"/>
      <c r="J169" s="5"/>
    </row>
    <row r="170" spans="1:10" x14ac:dyDescent="0.25">
      <c r="A170" s="18"/>
      <c r="B170" s="14"/>
      <c r="C170" s="13"/>
      <c r="D170" s="12"/>
      <c r="E170" s="12"/>
      <c r="F170" s="12"/>
      <c r="G170" s="11"/>
      <c r="H170" s="9"/>
      <c r="I170" s="10"/>
      <c r="J170" s="9"/>
    </row>
    <row r="171" spans="1:10" x14ac:dyDescent="0.25">
      <c r="A171" s="15"/>
      <c r="B171" s="14"/>
      <c r="C171" s="13"/>
      <c r="D171" s="12"/>
      <c r="E171" s="12"/>
      <c r="F171" s="12"/>
      <c r="G171" s="11"/>
      <c r="H171" s="9"/>
      <c r="I171" s="10"/>
      <c r="J171" s="9"/>
    </row>
    <row r="172" spans="1:10" x14ac:dyDescent="0.25">
      <c r="A172" s="16"/>
      <c r="B172" s="14"/>
      <c r="C172" s="13"/>
      <c r="D172" s="12"/>
      <c r="E172" s="12"/>
      <c r="F172" s="12"/>
      <c r="G172" s="11"/>
      <c r="H172" s="9"/>
      <c r="I172" s="10"/>
      <c r="J172" s="9"/>
    </row>
    <row r="173" spans="1:10" x14ac:dyDescent="0.25">
      <c r="A173" s="15"/>
      <c r="B173" s="14"/>
      <c r="C173" s="13"/>
      <c r="D173" s="12"/>
      <c r="E173" s="12"/>
      <c r="F173" s="12"/>
      <c r="G173" s="11"/>
      <c r="H173" s="9"/>
      <c r="I173" s="10"/>
      <c r="J173" s="9"/>
    </row>
    <row r="174" spans="1:10" x14ac:dyDescent="0.25">
      <c r="A174" s="19"/>
      <c r="B174" s="17"/>
      <c r="C174" s="13"/>
      <c r="D174" s="12"/>
      <c r="E174" s="12"/>
      <c r="F174" s="12"/>
      <c r="G174" s="11"/>
      <c r="H174" s="9"/>
      <c r="I174" s="10"/>
      <c r="J174" s="9"/>
    </row>
    <row r="175" spans="1:10" x14ac:dyDescent="0.25">
      <c r="A175" s="18"/>
      <c r="B175" s="14"/>
      <c r="C175" s="13"/>
      <c r="D175" s="12"/>
      <c r="E175" s="12"/>
      <c r="F175" s="12"/>
      <c r="G175" s="11"/>
      <c r="H175" s="9"/>
      <c r="I175" s="10"/>
      <c r="J175" s="9"/>
    </row>
    <row r="176" spans="1:10" x14ac:dyDescent="0.25">
      <c r="A176" s="18"/>
      <c r="B176" s="17"/>
      <c r="C176" s="7"/>
      <c r="D176" s="12"/>
      <c r="E176" s="12"/>
      <c r="F176" s="12"/>
      <c r="G176" s="11"/>
      <c r="H176" s="9"/>
      <c r="I176" s="10"/>
      <c r="J176" s="9"/>
    </row>
    <row r="177" spans="1:10" x14ac:dyDescent="0.25">
      <c r="A177" s="16"/>
      <c r="B177" s="14"/>
      <c r="C177" s="13"/>
      <c r="D177" s="12"/>
      <c r="E177" s="12"/>
      <c r="F177" s="12"/>
      <c r="G177" s="11"/>
      <c r="H177" s="9"/>
      <c r="I177" s="10"/>
      <c r="J177" s="9"/>
    </row>
    <row r="178" spans="1:10" x14ac:dyDescent="0.25">
      <c r="A178" s="16"/>
      <c r="B178" s="14"/>
      <c r="C178" s="13"/>
      <c r="D178" s="12"/>
      <c r="E178" s="12"/>
      <c r="F178" s="12"/>
      <c r="G178" s="11"/>
      <c r="H178" s="9"/>
      <c r="I178" s="10"/>
      <c r="J178" s="9"/>
    </row>
    <row r="179" spans="1:10" x14ac:dyDescent="0.25">
      <c r="A179" s="15"/>
      <c r="B179" s="14"/>
      <c r="C179" s="13"/>
      <c r="D179" s="12"/>
      <c r="E179" s="12"/>
      <c r="F179" s="12"/>
      <c r="G179" s="11"/>
      <c r="H179" s="9"/>
      <c r="I179" s="10"/>
      <c r="J179" s="9"/>
    </row>
    <row r="180" spans="1:10" x14ac:dyDescent="0.25">
      <c r="A180" s="8"/>
      <c r="B180" s="6"/>
      <c r="C180" s="7"/>
      <c r="D180" s="7"/>
      <c r="E180" s="7"/>
      <c r="F180" s="6"/>
      <c r="G180" s="6"/>
      <c r="H180" s="6"/>
      <c r="I180" s="6"/>
      <c r="J180" s="5"/>
    </row>
  </sheetData>
  <autoFilter ref="A8:J165" xr:uid="{00000000-0009-0000-0000-000000000000}">
    <sortState ref="A9:J165">
      <sortCondition ref="A8:A165"/>
    </sortState>
  </autoFilter>
  <printOptions horizontalCentered="1"/>
  <pageMargins left="0.5" right="0.5" top="0.45" bottom="0.7" header="0.3" footer="0.25"/>
  <pageSetup scale="53" fitToHeight="0" orientation="landscape" r:id="rId1"/>
  <headerFooter>
    <oddFooter>&amp;CPage &amp;P of 5&amp;RAs of July 18, 2017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</vt:i4>
      </vt:variant>
    </vt:vector>
  </HeadingPairs>
  <TitlesOfParts>
    <vt:vector size="3" baseType="lpstr">
      <vt:lpstr>Webposting 20170718</vt:lpstr>
      <vt:lpstr>'Webposting 20170718'!Print_Area</vt:lpstr>
      <vt:lpstr>'Webposting 20170718'!Print_Titles</vt:lpstr>
    </vt:vector>
  </TitlesOfParts>
  <Company>Caltran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nsen, Chris P@DOT</dc:creator>
  <cp:lastModifiedBy>Jensen, Chris P@DOT</cp:lastModifiedBy>
  <cp:lastPrinted>2017-07-18T16:29:00Z</cp:lastPrinted>
  <dcterms:created xsi:type="dcterms:W3CDTF">2016-08-12T19:57:38Z</dcterms:created>
  <dcterms:modified xsi:type="dcterms:W3CDTF">2019-02-14T21:53:21Z</dcterms:modified>
</cp:coreProperties>
</file>